
<file path=[Content_Types].xml><?xml version="1.0" encoding="utf-8"?>
<Types xmlns="http://schemas.openxmlformats.org/package/2006/content-types">
  <Default Extension="png" ContentType="image/png"/>
  <Default Extension="svg" ContentType="image/svg+xml"/>
  <Default Extension="jpeg" ContentType="image/jpeg"/>
  <Default Extension="rels" ContentType="application/vnd.openxmlformats-package.relationships+xml"/>
  <Default Extension="xml" ContentType="application/xml"/>
  <Default Extension="fntdata" ContentType="application/x-fontdata"/>
  <Default Extension="wdp" ContentType="image/vnd.ms-photo"/>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69" r:id="rId1"/>
  </p:sldMasterIdLst>
  <p:notesMasterIdLst>
    <p:notesMasterId r:id="rId35"/>
  </p:notesMasterIdLst>
  <p:sldIdLst>
    <p:sldId id="256" r:id="rId2"/>
    <p:sldId id="257" r:id="rId3"/>
    <p:sldId id="259" r:id="rId4"/>
    <p:sldId id="258" r:id="rId5"/>
    <p:sldId id="260" r:id="rId6"/>
    <p:sldId id="261" r:id="rId7"/>
    <p:sldId id="262" r:id="rId8"/>
    <p:sldId id="278" r:id="rId9"/>
    <p:sldId id="273" r:id="rId10"/>
    <p:sldId id="263" r:id="rId11"/>
    <p:sldId id="264" r:id="rId12"/>
    <p:sldId id="279" r:id="rId13"/>
    <p:sldId id="280" r:id="rId14"/>
    <p:sldId id="281" r:id="rId15"/>
    <p:sldId id="268" r:id="rId16"/>
    <p:sldId id="266" r:id="rId17"/>
    <p:sldId id="282" r:id="rId18"/>
    <p:sldId id="283" r:id="rId19"/>
    <p:sldId id="284" r:id="rId20"/>
    <p:sldId id="270" r:id="rId21"/>
    <p:sldId id="265" r:id="rId22"/>
    <p:sldId id="285" r:id="rId23"/>
    <p:sldId id="267" r:id="rId24"/>
    <p:sldId id="297" r:id="rId25"/>
    <p:sldId id="373" r:id="rId26"/>
    <p:sldId id="374" r:id="rId27"/>
    <p:sldId id="380" r:id="rId28"/>
    <p:sldId id="376" r:id="rId29"/>
    <p:sldId id="377" r:id="rId30"/>
    <p:sldId id="271" r:id="rId31"/>
    <p:sldId id="385" r:id="rId32"/>
    <p:sldId id="269" r:id="rId33"/>
    <p:sldId id="386" r:id="rId34"/>
  </p:sldIdLst>
  <p:sldSz cx="9144000" cy="5143500" type="screen16x9"/>
  <p:notesSz cx="6858000" cy="9144000"/>
  <p:embeddedFontLst>
    <p:embeddedFont>
      <p:font typeface="Montserrat Medium" panose="00000600000000000000" pitchFamily="2" charset="0"/>
      <p:regular r:id="rId36"/>
      <p:italic r:id="rId37"/>
    </p:embeddedFont>
    <p:embeddedFont>
      <p:font typeface="Anaheim" panose="020B0604020202020204" charset="0"/>
      <p:regular r:id="rId38"/>
      <p:bold r:id="rId39"/>
    </p:embeddedFont>
    <p:embeddedFont>
      <p:font typeface="PT Sans" panose="020B0604020202020204" charset="0"/>
      <p:regular r:id="rId40"/>
      <p:bold r:id="rId41"/>
      <p:italic r:id="rId42"/>
      <p:boldItalic r:id="rId43"/>
    </p:embeddedFont>
    <p:embeddedFont>
      <p:font typeface="Work Sans Black" panose="020B0604020202020204" charset="0"/>
      <p:bold r:id="rId44"/>
      <p:boldItalic r:id="rId45"/>
    </p:embeddedFont>
    <p:embeddedFont>
      <p:font typeface="Nunito Light" panose="00000400000000000000" pitchFamily="2" charset="0"/>
      <p:regular r:id="rId46"/>
      <p:italic r:id="rId47"/>
    </p:embeddedFont>
  </p:embeddedFontLst>
  <p:custDataLst>
    <p:tags r:id="rId48"/>
  </p:custData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FFFF"/>
    <a:srgbClr val="EE932E"/>
    <a:srgbClr val="DC7C12"/>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4CDFEAB9-9D16-4114-88ED-A663C0970F24}">
  <a:tblStyle styleId="{4CDFEAB9-9D16-4114-88ED-A663C0970F24}" styleName="Table_0">
    <a:wholeTbl>
      <a:tcTxStyle>
        <a:font>
          <a:latin typeface="Arial"/>
          <a:ea typeface="Arial"/>
          <a:cs typeface="Arial"/>
        </a:font>
        <a:srgbClr val="000000"/>
      </a:tcTxStyle>
      <a:tcStyle>
        <a:tcBdr>
          <a:left>
            <a:ln w="9525" cap="flat" cmpd="sng">
              <a:solidFill>
                <a:srgbClr val="9E9E9E"/>
              </a:solidFill>
              <a:prstDash val="solid"/>
              <a:round/>
              <a:headEnd type="none" w="sm" len="sm"/>
              <a:tailEnd type="none" w="sm" len="sm"/>
            </a:ln>
          </a:left>
          <a:right>
            <a:ln w="9525" cap="flat" cmpd="sng">
              <a:solidFill>
                <a:srgbClr val="9E9E9E"/>
              </a:solidFill>
              <a:prstDash val="solid"/>
              <a:round/>
              <a:headEnd type="none" w="sm" len="sm"/>
              <a:tailEnd type="none" w="sm" len="sm"/>
            </a:ln>
          </a:right>
          <a:top>
            <a:ln w="9525" cap="flat" cmpd="sng">
              <a:solidFill>
                <a:srgbClr val="9E9E9E"/>
              </a:solidFill>
              <a:prstDash val="solid"/>
              <a:round/>
              <a:headEnd type="none" w="sm" len="sm"/>
              <a:tailEnd type="none" w="sm" len="sm"/>
            </a:ln>
          </a:top>
          <a:bottom>
            <a:ln w="9525" cap="flat" cmpd="sng">
              <a:solidFill>
                <a:srgbClr val="9E9E9E"/>
              </a:solidFill>
              <a:prstDash val="solid"/>
              <a:round/>
              <a:headEnd type="none" w="sm" len="sm"/>
              <a:tailEnd type="none" w="sm" len="sm"/>
            </a:ln>
          </a:bottom>
          <a:insideH>
            <a:ln w="9525" cap="flat" cmpd="sng">
              <a:solidFill>
                <a:srgbClr val="9E9E9E"/>
              </a:solidFill>
              <a:prstDash val="solid"/>
              <a:round/>
              <a:headEnd type="none" w="sm" len="sm"/>
              <a:tailEnd type="none" w="sm" len="sm"/>
            </a:ln>
          </a:insideH>
          <a:insideV>
            <a:ln w="9525" cap="flat" cmpd="sng">
              <a:solidFill>
                <a:srgbClr val="9E9E9E"/>
              </a:solidFill>
              <a:prstDash val="solid"/>
              <a:round/>
              <a:headEnd type="none" w="sm" len="sm"/>
              <a:tailEnd type="none" w="sm" len="sm"/>
            </a:ln>
          </a:insideV>
        </a:tcBdr>
      </a:tcStyle>
    </a:wholeTbl>
    <a:band1H>
      <a:tcTxStyle/>
      <a:tcStyle>
        <a:tcBdr/>
      </a:tcStyle>
    </a:band1H>
    <a:band2H>
      <a:tcTxStyle/>
      <a:tcStyle>
        <a:tcBdr/>
      </a:tcStyle>
    </a:band2H>
    <a:band1V>
      <a:tcTxStyle/>
      <a:tcStyle>
        <a:tcBdr/>
      </a:tcStyle>
    </a:band1V>
    <a:band2V>
      <a:tcTxStyle/>
      <a:tcStyle>
        <a:tcBdr/>
      </a:tcStyle>
    </a:band2V>
    <a:lastCol>
      <a:tcTxStyle/>
      <a:tcStyle>
        <a:tcBdr/>
      </a:tcStyle>
    </a:lastCol>
    <a:firstCol>
      <a:tcTxStyle/>
      <a:tcStyle>
        <a:tcBdr/>
      </a:tcStyle>
    </a:firstCol>
    <a:lastRow>
      <a:tcTxStyle/>
      <a:tcStyle>
        <a:tcBdr/>
      </a:tcStyle>
    </a:lastRow>
    <a:seCell>
      <a:tcTxStyle/>
      <a:tcStyle>
        <a:tcBdr/>
      </a:tcStyle>
    </a:seCell>
    <a:swCell>
      <a:tcTxStyle/>
      <a:tcStyle>
        <a:tcBdr/>
      </a:tcStyle>
    </a:swCell>
    <a:firstRow>
      <a:tcTxStyle/>
      <a:tcStyle>
        <a:tcBdr/>
      </a:tcStyle>
    </a:firstRow>
    <a:neCell>
      <a:tcTxStyle/>
      <a:tcStyle>
        <a:tcBdr/>
      </a:tcStyle>
    </a:neCell>
    <a:nwCell>
      <a:tcTxStyle/>
      <a:tcStyle>
        <a:tcBdr/>
      </a:tcStyle>
    </a:nwCell>
  </a:tblStyle>
  <a:tblStyle styleId="{049D48AE-EE61-423E-A194-73479FE68EA1}" styleName="Table_1">
    <a:wholeTbl>
      <a:tcTxStyle>
        <a:font>
          <a:latin typeface="Arial"/>
          <a:ea typeface="Arial"/>
          <a:cs typeface="Arial"/>
        </a:font>
        <a:srgbClr val="000000"/>
      </a:tcTxStyle>
      <a:tcStyle>
        <a:tcBdr>
          <a:left>
            <a:ln w="9525" cap="flat" cmpd="sng">
              <a:solidFill>
                <a:srgbClr val="000000"/>
              </a:solidFill>
              <a:prstDash val="solid"/>
              <a:round/>
              <a:headEnd type="none" w="sm" len="sm"/>
              <a:tailEnd type="none" w="sm" len="sm"/>
            </a:ln>
          </a:left>
          <a:right>
            <a:ln w="9525" cap="flat" cmpd="sng">
              <a:solidFill>
                <a:srgbClr val="000000"/>
              </a:solidFill>
              <a:prstDash val="solid"/>
              <a:round/>
              <a:headEnd type="none" w="sm" len="sm"/>
              <a:tailEnd type="none" w="sm" len="sm"/>
            </a:ln>
          </a:right>
          <a:top>
            <a:ln w="9525" cap="flat" cmpd="sng">
              <a:solidFill>
                <a:srgbClr val="000000"/>
              </a:solidFill>
              <a:prstDash val="solid"/>
              <a:round/>
              <a:headEnd type="none" w="sm" len="sm"/>
              <a:tailEnd type="none" w="sm" len="sm"/>
            </a:ln>
          </a:top>
          <a:bottom>
            <a:ln w="9525" cap="flat" cmpd="sng">
              <a:solidFill>
                <a:srgbClr val="000000"/>
              </a:solidFill>
              <a:prstDash val="solid"/>
              <a:round/>
              <a:headEnd type="none" w="sm" len="sm"/>
              <a:tailEnd type="none" w="sm" len="sm"/>
            </a:ln>
          </a:bottom>
          <a:insideH>
            <a:ln w="9525" cap="flat" cmpd="sng">
              <a:solidFill>
                <a:srgbClr val="000000"/>
              </a:solidFill>
              <a:prstDash val="solid"/>
              <a:round/>
              <a:headEnd type="none" w="sm" len="sm"/>
              <a:tailEnd type="none" w="sm" len="sm"/>
            </a:ln>
          </a:insideH>
          <a:insideV>
            <a:ln w="9525" cap="flat" cmpd="sng">
              <a:solidFill>
                <a:srgbClr val="000000"/>
              </a:solidFill>
              <a:prstDash val="solid"/>
              <a:round/>
              <a:headEnd type="none" w="sm" len="sm"/>
              <a:tailEnd type="none" w="sm" len="sm"/>
            </a:ln>
          </a:insideV>
        </a:tcBdr>
      </a:tcStyle>
    </a:wholeTbl>
    <a:band1H>
      <a:tcTxStyle/>
      <a:tcStyle>
        <a:tcBdr/>
      </a:tcStyle>
    </a:band1H>
    <a:band2H>
      <a:tcTxStyle/>
      <a:tcStyle>
        <a:tcBdr/>
      </a:tcStyle>
    </a:band2H>
    <a:band1V>
      <a:tcTxStyle/>
      <a:tcStyle>
        <a:tcBdr/>
      </a:tcStyle>
    </a:band1V>
    <a:band2V>
      <a:tcTxStyle/>
      <a:tcStyle>
        <a:tcBdr/>
      </a:tcStyle>
    </a:band2V>
    <a:lastCol>
      <a:tcTxStyle/>
      <a:tcStyle>
        <a:tcBdr/>
      </a:tcStyle>
    </a:lastCol>
    <a:firstCol>
      <a:tcTxStyle/>
      <a:tcStyle>
        <a:tcBdr/>
      </a:tcStyle>
    </a:firstCol>
    <a:lastRow>
      <a:tcTxStyle/>
      <a:tcStyle>
        <a:tcBdr/>
      </a:tcStyle>
    </a:lastRow>
    <a:seCell>
      <a:tcTxStyle/>
      <a:tcStyle>
        <a:tcBdr/>
      </a:tcStyle>
    </a:seCell>
    <a:swCell>
      <a:tcTxStyle/>
      <a:tcStyle>
        <a:tcBdr/>
      </a:tcStyle>
    </a:swCell>
    <a:firstRow>
      <a:tcTxStyle/>
      <a:tcStyle>
        <a:tcBdr/>
      </a:tcStyle>
    </a:firstRow>
    <a:neCell>
      <a:tcTxStyle/>
      <a:tcStyle>
        <a:tcBdr/>
      </a:tcStyle>
    </a:neCell>
    <a:nwCell>
      <a:tcTxStyle/>
      <a:tcStyle>
        <a:tcBdr/>
      </a:tcStyle>
    </a:nwCell>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4660"/>
  </p:normalViewPr>
  <p:slideViewPr>
    <p:cSldViewPr snapToGrid="0">
      <p:cViewPr varScale="1">
        <p:scale>
          <a:sx n="93" d="100"/>
          <a:sy n="93" d="100"/>
        </p:scale>
        <p:origin x="726" y="78"/>
      </p:cViewPr>
      <p:guideLst/>
    </p:cSldViewPr>
  </p:slideViewPr>
  <p:notesTextViewPr>
    <p:cViewPr>
      <p:scale>
        <a:sx n="1" d="1"/>
        <a:sy n="1" d="1"/>
      </p:scale>
      <p:origin x="0" y="0"/>
    </p:cViewPr>
  </p:notesTextViewPr>
  <p:sorterViewPr>
    <p:cViewPr>
      <p:scale>
        <a:sx n="100" d="100"/>
        <a:sy n="100" d="100"/>
      </p:scale>
      <p:origin x="0" y="0"/>
    </p:cViewPr>
  </p:sorter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font" Target="fonts/font4.fntdata"/><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font" Target="fonts/font7.fntdata"/><Relationship Id="rId47" Type="http://schemas.openxmlformats.org/officeDocument/2006/relationships/font" Target="fonts/font12.fntdata"/><Relationship Id="rId50" Type="http://schemas.openxmlformats.org/officeDocument/2006/relationships/viewProps" Target="viewProp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font" Target="fonts/font2.fntdata"/><Relationship Id="rId40" Type="http://schemas.openxmlformats.org/officeDocument/2006/relationships/font" Target="fonts/font5.fntdata"/><Relationship Id="rId45" Type="http://schemas.openxmlformats.org/officeDocument/2006/relationships/font" Target="fonts/font10.fntdata"/><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font" Target="fonts/font1.fntdata"/><Relationship Id="rId49" Type="http://schemas.openxmlformats.org/officeDocument/2006/relationships/presProps" Target="pres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font" Target="fonts/font9.fntdata"/><Relationship Id="rId52"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notesMaster" Target="notesMasters/notesMaster1.xml"/><Relationship Id="rId43" Type="http://schemas.openxmlformats.org/officeDocument/2006/relationships/font" Target="fonts/font8.fntdata"/><Relationship Id="rId48" Type="http://schemas.openxmlformats.org/officeDocument/2006/relationships/tags" Target="tags/tag1.xml"/><Relationship Id="rId8" Type="http://schemas.openxmlformats.org/officeDocument/2006/relationships/slide" Target="slides/slide7.xml"/><Relationship Id="rId51" Type="http://schemas.openxmlformats.org/officeDocument/2006/relationships/theme" Target="theme/theme1.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font" Target="fonts/font3.fntdata"/><Relationship Id="rId46" Type="http://schemas.openxmlformats.org/officeDocument/2006/relationships/font" Target="fonts/font11.fntdata"/><Relationship Id="rId20" Type="http://schemas.openxmlformats.org/officeDocument/2006/relationships/slide" Target="slides/slide19.xml"/><Relationship Id="rId41" Type="http://schemas.openxmlformats.org/officeDocument/2006/relationships/font" Target="fonts/font6.fntdata"/><Relationship Id="rId1" Type="http://schemas.openxmlformats.org/officeDocument/2006/relationships/slideMaster" Target="slideMasters/slideMaster1.xml"/><Relationship Id="rId6" Type="http://schemas.openxmlformats.org/officeDocument/2006/relationships/slide" Target="slides/slide5.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381300" y="685800"/>
            <a:ext cx="609607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lvl="0" indent="-298450">
              <a:spcBef>
                <a:spcPts val="0"/>
              </a:spcBef>
              <a:spcAft>
                <a:spcPts val="0"/>
              </a:spcAft>
              <a:buSzPts val="1100"/>
              <a:buChar char="●"/>
              <a:defRPr sz="1100"/>
            </a:lvl1pPr>
            <a:lvl2pPr marL="914400" lvl="1" indent="-298450">
              <a:spcBef>
                <a:spcPts val="0"/>
              </a:spcBef>
              <a:spcAft>
                <a:spcPts val="0"/>
              </a:spcAft>
              <a:buSzPts val="1100"/>
              <a:buChar char="○"/>
              <a:defRPr sz="1100"/>
            </a:lvl2pPr>
            <a:lvl3pPr marL="1371600" lvl="2" indent="-298450">
              <a:spcBef>
                <a:spcPts val="0"/>
              </a:spcBef>
              <a:spcAft>
                <a:spcPts val="0"/>
              </a:spcAft>
              <a:buSzPts val="1100"/>
              <a:buChar char="■"/>
              <a:defRPr sz="1100"/>
            </a:lvl3pPr>
            <a:lvl4pPr marL="1828800" lvl="3" indent="-298450">
              <a:spcBef>
                <a:spcPts val="0"/>
              </a:spcBef>
              <a:spcAft>
                <a:spcPts val="0"/>
              </a:spcAft>
              <a:buSzPts val="1100"/>
              <a:buChar char="●"/>
              <a:defRPr sz="1100"/>
            </a:lvl4pPr>
            <a:lvl5pPr marL="2286000" lvl="4" indent="-298450">
              <a:spcBef>
                <a:spcPts val="0"/>
              </a:spcBef>
              <a:spcAft>
                <a:spcPts val="0"/>
              </a:spcAft>
              <a:buSzPts val="1100"/>
              <a:buChar char="○"/>
              <a:defRPr sz="1100"/>
            </a:lvl5pPr>
            <a:lvl6pPr marL="2743200" lvl="5" indent="-298450">
              <a:spcBef>
                <a:spcPts val="0"/>
              </a:spcBef>
              <a:spcAft>
                <a:spcPts val="0"/>
              </a:spcAft>
              <a:buSzPts val="1100"/>
              <a:buChar char="■"/>
              <a:defRPr sz="1100"/>
            </a:lvl6pPr>
            <a:lvl7pPr marL="3200400" lvl="6" indent="-298450">
              <a:spcBef>
                <a:spcPts val="0"/>
              </a:spcBef>
              <a:spcAft>
                <a:spcPts val="0"/>
              </a:spcAft>
              <a:buSzPts val="1100"/>
              <a:buChar char="●"/>
              <a:defRPr sz="1100"/>
            </a:lvl7pPr>
            <a:lvl8pPr marL="3657600" lvl="7" indent="-298450">
              <a:spcBef>
                <a:spcPts val="0"/>
              </a:spcBef>
              <a:spcAft>
                <a:spcPts val="0"/>
              </a:spcAft>
              <a:buSzPts val="1100"/>
              <a:buChar char="○"/>
              <a:defRPr sz="1100"/>
            </a:lvl8pPr>
            <a:lvl9pPr marL="4114800" lvl="8" indent="-298450">
              <a:spcBef>
                <a:spcPts val="0"/>
              </a:spcBef>
              <a:spcAft>
                <a:spcPts val="0"/>
              </a:spcAft>
              <a:buSzPts val="1100"/>
              <a:buChar char="■"/>
              <a:defRPr sz="1100"/>
            </a:lvl9pPr>
          </a:lstStyle>
          <a:p>
            <a:endParaRPr/>
          </a:p>
        </p:txBody>
      </p:sp>
    </p:spTree>
    <p:extLst>
      <p:ext uri="{BB962C8B-B14F-4D97-AF65-F5344CB8AC3E}">
        <p14:creationId xmlns:p14="http://schemas.microsoft.com/office/powerpoint/2010/main" val="2710339675"/>
      </p:ext>
    </p:extLst>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9"/>
        <p:cNvGrpSpPr/>
        <p:nvPr/>
      </p:nvGrpSpPr>
      <p:grpSpPr>
        <a:xfrm>
          <a:off x="0" y="0"/>
          <a:ext cx="0" cy="0"/>
          <a:chOff x="0" y="0"/>
          <a:chExt cx="0" cy="0"/>
        </a:xfrm>
      </p:grpSpPr>
      <p:sp>
        <p:nvSpPr>
          <p:cNvPr id="180" name="Google Shape;180;g24f1e694a6c_0_17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81" name="Google Shape;181;g24f1e694a6c_0_171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66664398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54"/>
        <p:cNvGrpSpPr/>
        <p:nvPr/>
      </p:nvGrpSpPr>
      <p:grpSpPr>
        <a:xfrm>
          <a:off x="0" y="0"/>
          <a:ext cx="0" cy="0"/>
          <a:chOff x="0" y="0"/>
          <a:chExt cx="0" cy="0"/>
        </a:xfrm>
      </p:grpSpPr>
      <p:sp>
        <p:nvSpPr>
          <p:cNvPr id="755" name="Google Shape;755;g184d99d1a72_0_5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56" name="Google Shape;756;g184d99d1a72_0_5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74379090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67"/>
        <p:cNvGrpSpPr/>
        <p:nvPr/>
      </p:nvGrpSpPr>
      <p:grpSpPr>
        <a:xfrm>
          <a:off x="0" y="0"/>
          <a:ext cx="0" cy="0"/>
          <a:chOff x="0" y="0"/>
          <a:chExt cx="0" cy="0"/>
        </a:xfrm>
      </p:grpSpPr>
      <p:sp>
        <p:nvSpPr>
          <p:cNvPr id="768" name="Google Shape;768;g184d99d1a72_0_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69" name="Google Shape;769;g184d99d1a72_0_2: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81353412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67"/>
        <p:cNvGrpSpPr/>
        <p:nvPr/>
      </p:nvGrpSpPr>
      <p:grpSpPr>
        <a:xfrm>
          <a:off x="0" y="0"/>
          <a:ext cx="0" cy="0"/>
          <a:chOff x="0" y="0"/>
          <a:chExt cx="0" cy="0"/>
        </a:xfrm>
      </p:grpSpPr>
      <p:sp>
        <p:nvSpPr>
          <p:cNvPr id="768" name="Google Shape;768;g184d99d1a72_0_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69" name="Google Shape;769;g184d99d1a72_0_2: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92984839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67"/>
        <p:cNvGrpSpPr/>
        <p:nvPr/>
      </p:nvGrpSpPr>
      <p:grpSpPr>
        <a:xfrm>
          <a:off x="0" y="0"/>
          <a:ext cx="0" cy="0"/>
          <a:chOff x="0" y="0"/>
          <a:chExt cx="0" cy="0"/>
        </a:xfrm>
      </p:grpSpPr>
      <p:sp>
        <p:nvSpPr>
          <p:cNvPr id="768" name="Google Shape;768;g184d99d1a72_0_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69" name="Google Shape;769;g184d99d1a72_0_2: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28459574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54"/>
        <p:cNvGrpSpPr/>
        <p:nvPr/>
      </p:nvGrpSpPr>
      <p:grpSpPr>
        <a:xfrm>
          <a:off x="0" y="0"/>
          <a:ext cx="0" cy="0"/>
          <a:chOff x="0" y="0"/>
          <a:chExt cx="0" cy="0"/>
        </a:xfrm>
      </p:grpSpPr>
      <p:sp>
        <p:nvSpPr>
          <p:cNvPr id="755" name="Google Shape;755;g184d99d1a72_0_5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56" name="Google Shape;756;g184d99d1a72_0_5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47083779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59"/>
        <p:cNvGrpSpPr/>
        <p:nvPr/>
      </p:nvGrpSpPr>
      <p:grpSpPr>
        <a:xfrm>
          <a:off x="0" y="0"/>
          <a:ext cx="0" cy="0"/>
          <a:chOff x="0" y="0"/>
          <a:chExt cx="0" cy="0"/>
        </a:xfrm>
      </p:grpSpPr>
      <p:sp>
        <p:nvSpPr>
          <p:cNvPr id="960" name="Google Shape;960;g1e3bf3fa806_1_7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961" name="Google Shape;961;g1e3bf3fa806_1_79: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45569779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61"/>
        <p:cNvGrpSpPr/>
        <p:nvPr/>
      </p:nvGrpSpPr>
      <p:grpSpPr>
        <a:xfrm>
          <a:off x="0" y="0"/>
          <a:ext cx="0" cy="0"/>
          <a:chOff x="0" y="0"/>
          <a:chExt cx="0" cy="0"/>
        </a:xfrm>
      </p:grpSpPr>
      <p:sp>
        <p:nvSpPr>
          <p:cNvPr id="862" name="Google Shape;862;g1e3bf3fa806_1_5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863" name="Google Shape;863;g1e3bf3fa806_1_54: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52282535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34"/>
        <p:cNvGrpSpPr/>
        <p:nvPr/>
      </p:nvGrpSpPr>
      <p:grpSpPr>
        <a:xfrm>
          <a:off x="0" y="0"/>
          <a:ext cx="0" cy="0"/>
          <a:chOff x="0" y="0"/>
          <a:chExt cx="0" cy="0"/>
        </a:xfrm>
      </p:grpSpPr>
      <p:sp>
        <p:nvSpPr>
          <p:cNvPr id="735" name="Google Shape;735;g1e3bf3fa806_1_2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36" name="Google Shape;736;g1e3bf3fa806_1_2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686616536"/>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59"/>
        <p:cNvGrpSpPr/>
        <p:nvPr/>
      </p:nvGrpSpPr>
      <p:grpSpPr>
        <a:xfrm>
          <a:off x="0" y="0"/>
          <a:ext cx="0" cy="0"/>
          <a:chOff x="0" y="0"/>
          <a:chExt cx="0" cy="0"/>
        </a:xfrm>
      </p:grpSpPr>
      <p:sp>
        <p:nvSpPr>
          <p:cNvPr id="960" name="Google Shape;960;g1e3bf3fa806_1_7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961" name="Google Shape;961;g1e3bf3fa806_1_79: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dirty="0"/>
          </a:p>
        </p:txBody>
      </p:sp>
    </p:spTree>
    <p:extLst>
      <p:ext uri="{BB962C8B-B14F-4D97-AF65-F5344CB8AC3E}">
        <p14:creationId xmlns:p14="http://schemas.microsoft.com/office/powerpoint/2010/main" val="3323377310"/>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34"/>
        <p:cNvGrpSpPr/>
        <p:nvPr/>
      </p:nvGrpSpPr>
      <p:grpSpPr>
        <a:xfrm>
          <a:off x="0" y="0"/>
          <a:ext cx="0" cy="0"/>
          <a:chOff x="0" y="0"/>
          <a:chExt cx="0" cy="0"/>
        </a:xfrm>
      </p:grpSpPr>
      <p:sp>
        <p:nvSpPr>
          <p:cNvPr id="735" name="Google Shape;735;g1e3bf3fa806_1_2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36" name="Google Shape;736;g1e3bf3fa806_1_2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03425731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65"/>
        <p:cNvGrpSpPr/>
        <p:nvPr/>
      </p:nvGrpSpPr>
      <p:grpSpPr>
        <a:xfrm>
          <a:off x="0" y="0"/>
          <a:ext cx="0" cy="0"/>
          <a:chOff x="0" y="0"/>
          <a:chExt cx="0" cy="0"/>
        </a:xfrm>
      </p:grpSpPr>
      <p:sp>
        <p:nvSpPr>
          <p:cNvPr id="366" name="Google Shape;366;g1e3bf3fa806_1_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67" name="Google Shape;367;g1e3bf3fa806_1_0: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90971328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18"/>
        <p:cNvGrpSpPr/>
        <p:nvPr/>
      </p:nvGrpSpPr>
      <p:grpSpPr>
        <a:xfrm>
          <a:off x="0" y="0"/>
          <a:ext cx="0" cy="0"/>
          <a:chOff x="0" y="0"/>
          <a:chExt cx="0" cy="0"/>
        </a:xfrm>
      </p:grpSpPr>
      <p:sp>
        <p:nvSpPr>
          <p:cNvPr id="1019" name="Google Shape;1019;g1e3bf3fa806_1_14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020" name="Google Shape;1020;g1e3bf3fa806_1_141: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09232254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84"/>
        <p:cNvGrpSpPr/>
        <p:nvPr/>
      </p:nvGrpSpPr>
      <p:grpSpPr>
        <a:xfrm>
          <a:off x="0" y="0"/>
          <a:ext cx="0" cy="0"/>
          <a:chOff x="0" y="0"/>
          <a:chExt cx="0" cy="0"/>
        </a:xfrm>
      </p:grpSpPr>
      <p:sp>
        <p:nvSpPr>
          <p:cNvPr id="785" name="Google Shape;785;g1e3bf3fa806_1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86" name="Google Shape;786;g1e3bf3fa806_1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805204598"/>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54"/>
        <p:cNvGrpSpPr/>
        <p:nvPr/>
      </p:nvGrpSpPr>
      <p:grpSpPr>
        <a:xfrm>
          <a:off x="0" y="0"/>
          <a:ext cx="0" cy="0"/>
          <a:chOff x="0" y="0"/>
          <a:chExt cx="0" cy="0"/>
        </a:xfrm>
      </p:grpSpPr>
      <p:sp>
        <p:nvSpPr>
          <p:cNvPr id="755" name="Google Shape;755;g184d99d1a72_0_5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56" name="Google Shape;756;g184d99d1a72_0_5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681892623"/>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0"/>
        <p:cNvGrpSpPr/>
        <p:nvPr/>
      </p:nvGrpSpPr>
      <p:grpSpPr>
        <a:xfrm>
          <a:off x="0" y="0"/>
          <a:ext cx="0" cy="0"/>
          <a:chOff x="0" y="0"/>
          <a:chExt cx="0" cy="0"/>
        </a:xfrm>
      </p:grpSpPr>
      <p:sp>
        <p:nvSpPr>
          <p:cNvPr id="941" name="Google Shape;941;g1e3bf3fa806_1_6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942" name="Google Shape;942;g1e3bf3fa806_1_61: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843502356"/>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77"/>
        <p:cNvGrpSpPr/>
        <p:nvPr/>
      </p:nvGrpSpPr>
      <p:grpSpPr>
        <a:xfrm>
          <a:off x="0" y="0"/>
          <a:ext cx="0" cy="0"/>
          <a:chOff x="0" y="0"/>
          <a:chExt cx="0" cy="0"/>
        </a:xfrm>
      </p:grpSpPr>
      <p:sp>
        <p:nvSpPr>
          <p:cNvPr id="2178" name="Google Shape;2178;g145b3e0b5ec_2_2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2179" name="Google Shape;2179;g145b3e0b5ec_2_26: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559248601"/>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2367858173"/>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vi-VN" dirty="0"/>
          </a:p>
        </p:txBody>
      </p:sp>
    </p:spTree>
    <p:extLst>
      <p:ext uri="{BB962C8B-B14F-4D97-AF65-F5344CB8AC3E}">
        <p14:creationId xmlns:p14="http://schemas.microsoft.com/office/powerpoint/2010/main" val="2247077623"/>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3719864792"/>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2051716299"/>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67372036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7"/>
        <p:cNvGrpSpPr/>
        <p:nvPr/>
      </p:nvGrpSpPr>
      <p:grpSpPr>
        <a:xfrm>
          <a:off x="0" y="0"/>
          <a:ext cx="0" cy="0"/>
          <a:chOff x="0" y="0"/>
          <a:chExt cx="0" cy="0"/>
        </a:xfrm>
      </p:grpSpPr>
      <p:sp>
        <p:nvSpPr>
          <p:cNvPr id="398" name="Google Shape;398;g1e3bf3fa806_1_2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99" name="Google Shape;399;g1e3bf3fa806_1_21: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870962181"/>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46"/>
        <p:cNvGrpSpPr/>
        <p:nvPr/>
      </p:nvGrpSpPr>
      <p:grpSpPr>
        <a:xfrm>
          <a:off x="0" y="0"/>
          <a:ext cx="0" cy="0"/>
          <a:chOff x="0" y="0"/>
          <a:chExt cx="0" cy="0"/>
        </a:xfrm>
      </p:grpSpPr>
      <p:sp>
        <p:nvSpPr>
          <p:cNvPr id="1047" name="Google Shape;1047;g1e3bf3fa806_1_17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048" name="Google Shape;1048;g1e3bf3fa806_1_17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4064079142"/>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46"/>
        <p:cNvGrpSpPr/>
        <p:nvPr/>
      </p:nvGrpSpPr>
      <p:grpSpPr>
        <a:xfrm>
          <a:off x="0" y="0"/>
          <a:ext cx="0" cy="0"/>
          <a:chOff x="0" y="0"/>
          <a:chExt cx="0" cy="0"/>
        </a:xfrm>
      </p:grpSpPr>
      <p:sp>
        <p:nvSpPr>
          <p:cNvPr id="1047" name="Google Shape;1047;g1e3bf3fa806_1_17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048" name="Google Shape;1048;g1e3bf3fa806_1_17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835264476"/>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65"/>
        <p:cNvGrpSpPr/>
        <p:nvPr/>
      </p:nvGrpSpPr>
      <p:grpSpPr>
        <a:xfrm>
          <a:off x="0" y="0"/>
          <a:ext cx="0" cy="0"/>
          <a:chOff x="0" y="0"/>
          <a:chExt cx="0" cy="0"/>
        </a:xfrm>
      </p:grpSpPr>
      <p:sp>
        <p:nvSpPr>
          <p:cNvPr id="966" name="Google Shape;966;g1e3bf3fa806_1_8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967" name="Google Shape;967;g1e3bf3fa806_1_86: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689961672"/>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9"/>
        <p:cNvGrpSpPr/>
        <p:nvPr/>
      </p:nvGrpSpPr>
      <p:grpSpPr>
        <a:xfrm>
          <a:off x="0" y="0"/>
          <a:ext cx="0" cy="0"/>
          <a:chOff x="0" y="0"/>
          <a:chExt cx="0" cy="0"/>
        </a:xfrm>
      </p:grpSpPr>
      <p:sp>
        <p:nvSpPr>
          <p:cNvPr id="180" name="Google Shape;180;g24f1e694a6c_0_17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81" name="Google Shape;181;g24f1e694a6c_0_171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23210847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4"/>
        <p:cNvGrpSpPr/>
        <p:nvPr/>
      </p:nvGrpSpPr>
      <p:grpSpPr>
        <a:xfrm>
          <a:off x="0" y="0"/>
          <a:ext cx="0" cy="0"/>
          <a:chOff x="0" y="0"/>
          <a:chExt cx="0" cy="0"/>
        </a:xfrm>
      </p:grpSpPr>
      <p:sp>
        <p:nvSpPr>
          <p:cNvPr id="375" name="Google Shape;375;g1e3bf3fa806_1_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76" name="Google Shape;376;g1e3bf3fa806_1_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Clr>
                <a:schemeClr val="dk1"/>
              </a:buClr>
              <a:buSzPts val="1100"/>
              <a:buFont typeface="Arial"/>
              <a:buNone/>
            </a:pPr>
            <a:endParaRPr sz="1200" i="1">
              <a:solidFill>
                <a:srgbClr val="595959"/>
              </a:solidFill>
              <a:latin typeface="Anaheim"/>
              <a:ea typeface="Anaheim"/>
              <a:cs typeface="Anaheim"/>
              <a:sym typeface="Anaheim"/>
            </a:endParaRPr>
          </a:p>
          <a:p>
            <a:pPr marL="0" lvl="0" indent="0" algn="l" rtl="0">
              <a:spcBef>
                <a:spcPts val="0"/>
              </a:spcBef>
              <a:spcAft>
                <a:spcPts val="0"/>
              </a:spcAft>
              <a:buNone/>
            </a:pPr>
            <a:endParaRPr/>
          </a:p>
        </p:txBody>
      </p:sp>
    </p:spTree>
    <p:extLst>
      <p:ext uri="{BB962C8B-B14F-4D97-AF65-F5344CB8AC3E}">
        <p14:creationId xmlns:p14="http://schemas.microsoft.com/office/powerpoint/2010/main" val="54451527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4"/>
        <p:cNvGrpSpPr/>
        <p:nvPr/>
      </p:nvGrpSpPr>
      <p:grpSpPr>
        <a:xfrm>
          <a:off x="0" y="0"/>
          <a:ext cx="0" cy="0"/>
          <a:chOff x="0" y="0"/>
          <a:chExt cx="0" cy="0"/>
        </a:xfrm>
      </p:grpSpPr>
      <p:sp>
        <p:nvSpPr>
          <p:cNvPr id="405" name="Google Shape;405;g54dda1946d_6_30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406" name="Google Shape;406;g54dda1946d_6_30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21418148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34"/>
        <p:cNvGrpSpPr/>
        <p:nvPr/>
      </p:nvGrpSpPr>
      <p:grpSpPr>
        <a:xfrm>
          <a:off x="0" y="0"/>
          <a:ext cx="0" cy="0"/>
          <a:chOff x="0" y="0"/>
          <a:chExt cx="0" cy="0"/>
        </a:xfrm>
      </p:grpSpPr>
      <p:sp>
        <p:nvSpPr>
          <p:cNvPr id="735" name="Google Shape;735;g1e3bf3fa806_1_2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36" name="Google Shape;736;g1e3bf3fa806_1_2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59523654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3"/>
        <p:cNvGrpSpPr/>
        <p:nvPr/>
      </p:nvGrpSpPr>
      <p:grpSpPr>
        <a:xfrm>
          <a:off x="0" y="0"/>
          <a:ext cx="0" cy="0"/>
          <a:chOff x="0" y="0"/>
          <a:chExt cx="0" cy="0"/>
        </a:xfrm>
      </p:grpSpPr>
      <p:sp>
        <p:nvSpPr>
          <p:cNvPr id="744" name="Google Shape;744;g1e3bf3fa806_1_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45" name="Google Shape;745;g1e3bf3fa806_1_3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dirty="0"/>
          </a:p>
        </p:txBody>
      </p:sp>
    </p:spTree>
    <p:extLst>
      <p:ext uri="{BB962C8B-B14F-4D97-AF65-F5344CB8AC3E}">
        <p14:creationId xmlns:p14="http://schemas.microsoft.com/office/powerpoint/2010/main" val="1226950694"/>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3"/>
        <p:cNvGrpSpPr/>
        <p:nvPr/>
      </p:nvGrpSpPr>
      <p:grpSpPr>
        <a:xfrm>
          <a:off x="0" y="0"/>
          <a:ext cx="0" cy="0"/>
          <a:chOff x="0" y="0"/>
          <a:chExt cx="0" cy="0"/>
        </a:xfrm>
      </p:grpSpPr>
      <p:sp>
        <p:nvSpPr>
          <p:cNvPr id="744" name="Google Shape;744;g1e3bf3fa806_1_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45" name="Google Shape;745;g1e3bf3fa806_1_3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dirty="0"/>
          </a:p>
        </p:txBody>
      </p:sp>
    </p:spTree>
    <p:extLst>
      <p:ext uri="{BB962C8B-B14F-4D97-AF65-F5344CB8AC3E}">
        <p14:creationId xmlns:p14="http://schemas.microsoft.com/office/powerpoint/2010/main" val="103258717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94"/>
        <p:cNvGrpSpPr/>
        <p:nvPr/>
      </p:nvGrpSpPr>
      <p:grpSpPr>
        <a:xfrm>
          <a:off x="0" y="0"/>
          <a:ext cx="0" cy="0"/>
          <a:chOff x="0" y="0"/>
          <a:chExt cx="0" cy="0"/>
        </a:xfrm>
      </p:grpSpPr>
      <p:sp>
        <p:nvSpPr>
          <p:cNvPr id="1095" name="Google Shape;1095;g1e3bf3fa806_1_22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096" name="Google Shape;1096;g1e3bf3fa806_1_22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54540904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8"/>
        <p:cNvGrpSpPr/>
        <p:nvPr/>
      </p:nvGrpSpPr>
      <p:grpSpPr>
        <a:xfrm>
          <a:off x="0" y="0"/>
          <a:ext cx="0" cy="0"/>
          <a:chOff x="0" y="0"/>
          <a:chExt cx="0" cy="0"/>
        </a:xfrm>
      </p:grpSpPr>
      <p:sp>
        <p:nvSpPr>
          <p:cNvPr id="9" name="Google Shape;9;p2"/>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 name="Google Shape;10;p2"/>
          <p:cNvSpPr txBox="1">
            <a:spLocks noGrp="1"/>
          </p:cNvSpPr>
          <p:nvPr>
            <p:ph type="ctrTitle"/>
          </p:nvPr>
        </p:nvSpPr>
        <p:spPr>
          <a:xfrm>
            <a:off x="4609099" y="1394075"/>
            <a:ext cx="3816000" cy="2401200"/>
          </a:xfrm>
          <a:prstGeom prst="rect">
            <a:avLst/>
          </a:prstGeom>
        </p:spPr>
        <p:txBody>
          <a:bodyPr spcFirstLastPara="1" wrap="square" lIns="91425" tIns="91425" rIns="91425" bIns="91425" anchor="b" anchorCtr="0">
            <a:noAutofit/>
          </a:bodyPr>
          <a:lstStyle>
            <a:lvl1pPr lvl="0" algn="ctr">
              <a:lnSpc>
                <a:spcPct val="90000"/>
              </a:lnSpc>
              <a:spcBef>
                <a:spcPts val="0"/>
              </a:spcBef>
              <a:spcAft>
                <a:spcPts val="0"/>
              </a:spcAft>
              <a:buClr>
                <a:srgbClr val="191919"/>
              </a:buClr>
              <a:buSzPts val="5200"/>
              <a:buNone/>
              <a:defRPr sz="6500"/>
            </a:lvl1pPr>
            <a:lvl2pPr lvl="1" algn="ctr">
              <a:spcBef>
                <a:spcPts val="0"/>
              </a:spcBef>
              <a:spcAft>
                <a:spcPts val="0"/>
              </a:spcAft>
              <a:buClr>
                <a:srgbClr val="191919"/>
              </a:buClr>
              <a:buSzPts val="5200"/>
              <a:buNone/>
              <a:defRPr sz="5200">
                <a:solidFill>
                  <a:srgbClr val="191919"/>
                </a:solidFill>
              </a:defRPr>
            </a:lvl2pPr>
            <a:lvl3pPr lvl="2" algn="ctr">
              <a:spcBef>
                <a:spcPts val="0"/>
              </a:spcBef>
              <a:spcAft>
                <a:spcPts val="0"/>
              </a:spcAft>
              <a:buClr>
                <a:srgbClr val="191919"/>
              </a:buClr>
              <a:buSzPts val="5200"/>
              <a:buNone/>
              <a:defRPr sz="5200">
                <a:solidFill>
                  <a:srgbClr val="191919"/>
                </a:solidFill>
              </a:defRPr>
            </a:lvl3pPr>
            <a:lvl4pPr lvl="3" algn="ctr">
              <a:spcBef>
                <a:spcPts val="0"/>
              </a:spcBef>
              <a:spcAft>
                <a:spcPts val="0"/>
              </a:spcAft>
              <a:buClr>
                <a:srgbClr val="191919"/>
              </a:buClr>
              <a:buSzPts val="5200"/>
              <a:buNone/>
              <a:defRPr sz="5200">
                <a:solidFill>
                  <a:srgbClr val="191919"/>
                </a:solidFill>
              </a:defRPr>
            </a:lvl4pPr>
            <a:lvl5pPr lvl="4" algn="ctr">
              <a:spcBef>
                <a:spcPts val="0"/>
              </a:spcBef>
              <a:spcAft>
                <a:spcPts val="0"/>
              </a:spcAft>
              <a:buClr>
                <a:srgbClr val="191919"/>
              </a:buClr>
              <a:buSzPts val="5200"/>
              <a:buNone/>
              <a:defRPr sz="5200">
                <a:solidFill>
                  <a:srgbClr val="191919"/>
                </a:solidFill>
              </a:defRPr>
            </a:lvl5pPr>
            <a:lvl6pPr lvl="5" algn="ctr">
              <a:spcBef>
                <a:spcPts val="0"/>
              </a:spcBef>
              <a:spcAft>
                <a:spcPts val="0"/>
              </a:spcAft>
              <a:buClr>
                <a:srgbClr val="191919"/>
              </a:buClr>
              <a:buSzPts val="5200"/>
              <a:buNone/>
              <a:defRPr sz="5200">
                <a:solidFill>
                  <a:srgbClr val="191919"/>
                </a:solidFill>
              </a:defRPr>
            </a:lvl6pPr>
            <a:lvl7pPr lvl="6" algn="ctr">
              <a:spcBef>
                <a:spcPts val="0"/>
              </a:spcBef>
              <a:spcAft>
                <a:spcPts val="0"/>
              </a:spcAft>
              <a:buClr>
                <a:srgbClr val="191919"/>
              </a:buClr>
              <a:buSzPts val="5200"/>
              <a:buNone/>
              <a:defRPr sz="5200">
                <a:solidFill>
                  <a:srgbClr val="191919"/>
                </a:solidFill>
              </a:defRPr>
            </a:lvl7pPr>
            <a:lvl8pPr lvl="7" algn="ctr">
              <a:spcBef>
                <a:spcPts val="0"/>
              </a:spcBef>
              <a:spcAft>
                <a:spcPts val="0"/>
              </a:spcAft>
              <a:buClr>
                <a:srgbClr val="191919"/>
              </a:buClr>
              <a:buSzPts val="5200"/>
              <a:buNone/>
              <a:defRPr sz="5200">
                <a:solidFill>
                  <a:srgbClr val="191919"/>
                </a:solidFill>
              </a:defRPr>
            </a:lvl8pPr>
            <a:lvl9pPr lvl="8" algn="ctr">
              <a:spcBef>
                <a:spcPts val="0"/>
              </a:spcBef>
              <a:spcAft>
                <a:spcPts val="0"/>
              </a:spcAft>
              <a:buClr>
                <a:srgbClr val="191919"/>
              </a:buClr>
              <a:buSzPts val="5200"/>
              <a:buNone/>
              <a:defRPr sz="5200">
                <a:solidFill>
                  <a:srgbClr val="191919"/>
                </a:solidFill>
              </a:defRPr>
            </a:lvl9pPr>
          </a:lstStyle>
          <a:p>
            <a:endParaRPr/>
          </a:p>
        </p:txBody>
      </p:sp>
      <p:sp>
        <p:nvSpPr>
          <p:cNvPr id="11" name="Google Shape;11;p2"/>
          <p:cNvSpPr txBox="1">
            <a:spLocks noGrp="1"/>
          </p:cNvSpPr>
          <p:nvPr>
            <p:ph type="subTitle" idx="1"/>
          </p:nvPr>
        </p:nvSpPr>
        <p:spPr>
          <a:xfrm>
            <a:off x="4609102" y="3947675"/>
            <a:ext cx="3816000" cy="400200"/>
          </a:xfrm>
          <a:prstGeom prst="rect">
            <a:avLst/>
          </a:prstGeom>
        </p:spPr>
        <p:txBody>
          <a:bodyPr spcFirstLastPara="1" wrap="square" lIns="91425" tIns="91425" rIns="91425" bIns="91425" anchor="t" anchorCtr="0">
            <a:noAutofit/>
          </a:bodyPr>
          <a:lstStyle>
            <a:lvl1pPr lvl="0" algn="ctr">
              <a:lnSpc>
                <a:spcPct val="100000"/>
              </a:lnSpc>
              <a:spcBef>
                <a:spcPts val="0"/>
              </a:spcBef>
              <a:spcAft>
                <a:spcPts val="0"/>
              </a:spcAft>
              <a:buSzPts val="1200"/>
              <a:buNone/>
              <a:defRPr sz="1400">
                <a:solidFill>
                  <a:schemeClr val="dk1"/>
                </a:solidFill>
              </a:defRPr>
            </a:lvl1pPr>
            <a:lvl2pPr lvl="1" algn="ctr">
              <a:lnSpc>
                <a:spcPct val="100000"/>
              </a:lnSpc>
              <a:spcBef>
                <a:spcPts val="0"/>
              </a:spcBef>
              <a:spcAft>
                <a:spcPts val="0"/>
              </a:spcAft>
              <a:buSzPts val="1800"/>
              <a:buNone/>
              <a:defRPr sz="1800"/>
            </a:lvl2pPr>
            <a:lvl3pPr lvl="2" algn="ctr">
              <a:lnSpc>
                <a:spcPct val="100000"/>
              </a:lnSpc>
              <a:spcBef>
                <a:spcPts val="0"/>
              </a:spcBef>
              <a:spcAft>
                <a:spcPts val="0"/>
              </a:spcAft>
              <a:buSzPts val="1800"/>
              <a:buNone/>
              <a:defRPr sz="1800"/>
            </a:lvl3pPr>
            <a:lvl4pPr lvl="3" algn="ctr">
              <a:lnSpc>
                <a:spcPct val="100000"/>
              </a:lnSpc>
              <a:spcBef>
                <a:spcPts val="0"/>
              </a:spcBef>
              <a:spcAft>
                <a:spcPts val="0"/>
              </a:spcAft>
              <a:buSzPts val="1800"/>
              <a:buNone/>
              <a:defRPr sz="1800"/>
            </a:lvl4pPr>
            <a:lvl5pPr lvl="4" algn="ctr">
              <a:lnSpc>
                <a:spcPct val="100000"/>
              </a:lnSpc>
              <a:spcBef>
                <a:spcPts val="0"/>
              </a:spcBef>
              <a:spcAft>
                <a:spcPts val="0"/>
              </a:spcAft>
              <a:buSzPts val="1800"/>
              <a:buNone/>
              <a:defRPr sz="1800"/>
            </a:lvl5pPr>
            <a:lvl6pPr lvl="5" algn="ctr">
              <a:lnSpc>
                <a:spcPct val="100000"/>
              </a:lnSpc>
              <a:spcBef>
                <a:spcPts val="0"/>
              </a:spcBef>
              <a:spcAft>
                <a:spcPts val="0"/>
              </a:spcAft>
              <a:buSzPts val="1800"/>
              <a:buNone/>
              <a:defRPr sz="1800"/>
            </a:lvl6pPr>
            <a:lvl7pPr lvl="6" algn="ctr">
              <a:lnSpc>
                <a:spcPct val="100000"/>
              </a:lnSpc>
              <a:spcBef>
                <a:spcPts val="0"/>
              </a:spcBef>
              <a:spcAft>
                <a:spcPts val="0"/>
              </a:spcAft>
              <a:buSzPts val="1800"/>
              <a:buNone/>
              <a:defRPr sz="1800"/>
            </a:lvl7pPr>
            <a:lvl8pPr lvl="7" algn="ctr">
              <a:lnSpc>
                <a:spcPct val="100000"/>
              </a:lnSpc>
              <a:spcBef>
                <a:spcPts val="0"/>
              </a:spcBef>
              <a:spcAft>
                <a:spcPts val="0"/>
              </a:spcAft>
              <a:buSzPts val="1800"/>
              <a:buNone/>
              <a:defRPr sz="1800"/>
            </a:lvl8pPr>
            <a:lvl9pPr lvl="8" algn="ctr">
              <a:lnSpc>
                <a:spcPct val="100000"/>
              </a:lnSpc>
              <a:spcBef>
                <a:spcPts val="0"/>
              </a:spcBef>
              <a:spcAft>
                <a:spcPts val="0"/>
              </a:spcAft>
              <a:buSzPts val="1800"/>
              <a:buNone/>
              <a:defRPr sz="1800"/>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Big number">
  <p:cSld name="BIG_NUMBER">
    <p:spTree>
      <p:nvGrpSpPr>
        <p:cNvPr id="1" name="Shape 45"/>
        <p:cNvGrpSpPr/>
        <p:nvPr/>
      </p:nvGrpSpPr>
      <p:grpSpPr>
        <a:xfrm>
          <a:off x="0" y="0"/>
          <a:ext cx="0" cy="0"/>
          <a:chOff x="0" y="0"/>
          <a:chExt cx="0" cy="0"/>
        </a:xfrm>
      </p:grpSpPr>
      <p:sp>
        <p:nvSpPr>
          <p:cNvPr id="46" name="Google Shape;46;p11"/>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7" name="Google Shape;47;p11"/>
          <p:cNvSpPr txBox="1">
            <a:spLocks noGrp="1"/>
          </p:cNvSpPr>
          <p:nvPr>
            <p:ph type="title" hasCustomPrompt="1"/>
          </p:nvPr>
        </p:nvSpPr>
        <p:spPr>
          <a:xfrm>
            <a:off x="720000" y="1764000"/>
            <a:ext cx="5976000" cy="1108200"/>
          </a:xfrm>
          <a:prstGeom prst="rect">
            <a:avLst/>
          </a:prstGeom>
        </p:spPr>
        <p:txBody>
          <a:bodyPr spcFirstLastPara="1" wrap="square" lIns="91425" tIns="91425" rIns="91425" bIns="91425" anchor="b" anchorCtr="0">
            <a:noAutofit/>
          </a:bodyPr>
          <a:lstStyle>
            <a:lvl1pPr lvl="0">
              <a:spcBef>
                <a:spcPts val="0"/>
              </a:spcBef>
              <a:spcAft>
                <a:spcPts val="0"/>
              </a:spcAft>
              <a:buSzPts val="9600"/>
              <a:buNone/>
              <a:defRPr sz="6000"/>
            </a:lvl1pPr>
            <a:lvl2pPr lvl="1" algn="ctr">
              <a:spcBef>
                <a:spcPts val="0"/>
              </a:spcBef>
              <a:spcAft>
                <a:spcPts val="0"/>
              </a:spcAft>
              <a:buSzPts val="9600"/>
              <a:buNone/>
              <a:defRPr sz="9600"/>
            </a:lvl2pPr>
            <a:lvl3pPr lvl="2" algn="ctr">
              <a:spcBef>
                <a:spcPts val="0"/>
              </a:spcBef>
              <a:spcAft>
                <a:spcPts val="0"/>
              </a:spcAft>
              <a:buSzPts val="9600"/>
              <a:buNone/>
              <a:defRPr sz="9600"/>
            </a:lvl3pPr>
            <a:lvl4pPr lvl="3" algn="ctr">
              <a:spcBef>
                <a:spcPts val="0"/>
              </a:spcBef>
              <a:spcAft>
                <a:spcPts val="0"/>
              </a:spcAft>
              <a:buSzPts val="9600"/>
              <a:buNone/>
              <a:defRPr sz="9600"/>
            </a:lvl4pPr>
            <a:lvl5pPr lvl="4" algn="ctr">
              <a:spcBef>
                <a:spcPts val="0"/>
              </a:spcBef>
              <a:spcAft>
                <a:spcPts val="0"/>
              </a:spcAft>
              <a:buSzPts val="9600"/>
              <a:buNone/>
              <a:defRPr sz="9600"/>
            </a:lvl5pPr>
            <a:lvl6pPr lvl="5" algn="ctr">
              <a:spcBef>
                <a:spcPts val="0"/>
              </a:spcBef>
              <a:spcAft>
                <a:spcPts val="0"/>
              </a:spcAft>
              <a:buSzPts val="9600"/>
              <a:buNone/>
              <a:defRPr sz="9600"/>
            </a:lvl6pPr>
            <a:lvl7pPr lvl="6" algn="ctr">
              <a:spcBef>
                <a:spcPts val="0"/>
              </a:spcBef>
              <a:spcAft>
                <a:spcPts val="0"/>
              </a:spcAft>
              <a:buSzPts val="9600"/>
              <a:buNone/>
              <a:defRPr sz="9600"/>
            </a:lvl7pPr>
            <a:lvl8pPr lvl="7" algn="ctr">
              <a:spcBef>
                <a:spcPts val="0"/>
              </a:spcBef>
              <a:spcAft>
                <a:spcPts val="0"/>
              </a:spcAft>
              <a:buSzPts val="9600"/>
              <a:buNone/>
              <a:defRPr sz="9600"/>
            </a:lvl8pPr>
            <a:lvl9pPr lvl="8" algn="ctr">
              <a:spcBef>
                <a:spcPts val="0"/>
              </a:spcBef>
              <a:spcAft>
                <a:spcPts val="0"/>
              </a:spcAft>
              <a:buSzPts val="9600"/>
              <a:buNone/>
              <a:defRPr sz="9600"/>
            </a:lvl9pPr>
          </a:lstStyle>
          <a:p>
            <a:r>
              <a:t>xx%</a:t>
            </a:r>
          </a:p>
        </p:txBody>
      </p:sp>
      <p:sp>
        <p:nvSpPr>
          <p:cNvPr id="48" name="Google Shape;48;p11"/>
          <p:cNvSpPr txBox="1">
            <a:spLocks noGrp="1"/>
          </p:cNvSpPr>
          <p:nvPr>
            <p:ph type="subTitle" idx="1"/>
          </p:nvPr>
        </p:nvSpPr>
        <p:spPr>
          <a:xfrm>
            <a:off x="720000" y="2948400"/>
            <a:ext cx="5976000" cy="4311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600"/>
              <a:buNone/>
              <a:defRPr sz="1600"/>
            </a:lvl1pPr>
            <a:lvl2pPr lvl="1" algn="ctr" rtl="0">
              <a:lnSpc>
                <a:spcPct val="100000"/>
              </a:lnSpc>
              <a:spcBef>
                <a:spcPts val="0"/>
              </a:spcBef>
              <a:spcAft>
                <a:spcPts val="0"/>
              </a:spcAft>
              <a:buSzPts val="1600"/>
              <a:buNone/>
              <a:defRPr sz="1600"/>
            </a:lvl2pPr>
            <a:lvl3pPr lvl="2" algn="ctr" rtl="0">
              <a:lnSpc>
                <a:spcPct val="100000"/>
              </a:lnSpc>
              <a:spcBef>
                <a:spcPts val="0"/>
              </a:spcBef>
              <a:spcAft>
                <a:spcPts val="0"/>
              </a:spcAft>
              <a:buSzPts val="1600"/>
              <a:buNone/>
              <a:defRPr sz="1600"/>
            </a:lvl3pPr>
            <a:lvl4pPr lvl="3" algn="ctr" rtl="0">
              <a:lnSpc>
                <a:spcPct val="100000"/>
              </a:lnSpc>
              <a:spcBef>
                <a:spcPts val="0"/>
              </a:spcBef>
              <a:spcAft>
                <a:spcPts val="0"/>
              </a:spcAft>
              <a:buSzPts val="1600"/>
              <a:buNone/>
              <a:defRPr sz="1600"/>
            </a:lvl4pPr>
            <a:lvl5pPr lvl="4" algn="ctr" rtl="0">
              <a:lnSpc>
                <a:spcPct val="100000"/>
              </a:lnSpc>
              <a:spcBef>
                <a:spcPts val="0"/>
              </a:spcBef>
              <a:spcAft>
                <a:spcPts val="0"/>
              </a:spcAft>
              <a:buSzPts val="1600"/>
              <a:buNone/>
              <a:defRPr sz="1600"/>
            </a:lvl5pPr>
            <a:lvl6pPr lvl="5" algn="ctr" rtl="0">
              <a:lnSpc>
                <a:spcPct val="100000"/>
              </a:lnSpc>
              <a:spcBef>
                <a:spcPts val="0"/>
              </a:spcBef>
              <a:spcAft>
                <a:spcPts val="0"/>
              </a:spcAft>
              <a:buSzPts val="1600"/>
              <a:buNone/>
              <a:defRPr sz="1600"/>
            </a:lvl6pPr>
            <a:lvl7pPr lvl="6" algn="ctr" rtl="0">
              <a:lnSpc>
                <a:spcPct val="100000"/>
              </a:lnSpc>
              <a:spcBef>
                <a:spcPts val="0"/>
              </a:spcBef>
              <a:spcAft>
                <a:spcPts val="0"/>
              </a:spcAft>
              <a:buSzPts val="1600"/>
              <a:buNone/>
              <a:defRPr sz="1600"/>
            </a:lvl7pPr>
            <a:lvl8pPr lvl="7" algn="ctr" rtl="0">
              <a:lnSpc>
                <a:spcPct val="100000"/>
              </a:lnSpc>
              <a:spcBef>
                <a:spcPts val="0"/>
              </a:spcBef>
              <a:spcAft>
                <a:spcPts val="0"/>
              </a:spcAft>
              <a:buSzPts val="1600"/>
              <a:buNone/>
              <a:defRPr sz="1600"/>
            </a:lvl8pPr>
            <a:lvl9pPr lvl="8" algn="ctr" rtl="0">
              <a:lnSpc>
                <a:spcPct val="100000"/>
              </a:lnSpc>
              <a:spcBef>
                <a:spcPts val="0"/>
              </a:spcBef>
              <a:spcAft>
                <a:spcPts val="0"/>
              </a:spcAft>
              <a:buSzPts val="1600"/>
              <a:buNone/>
              <a:defRPr sz="1600"/>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Blank" type="blank">
  <p:cSld name="BLANK">
    <p:bg>
      <p:bgPr>
        <a:noFill/>
        <a:effectLst/>
      </p:bgPr>
    </p:bg>
    <p:spTree>
      <p:nvGrpSpPr>
        <p:cNvPr id="1" name="Shape 49"/>
        <p:cNvGrpSpPr/>
        <p:nvPr/>
      </p:nvGrpSpPr>
      <p:grpSpPr>
        <a:xfrm>
          <a:off x="0" y="0"/>
          <a:ext cx="0" cy="0"/>
          <a:chOff x="0" y="0"/>
          <a:chExt cx="0" cy="0"/>
        </a:xfrm>
      </p:grpSpPr>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12.xml><?xml version="1.0" encoding="utf-8"?>
<p:sldLayout xmlns:a="http://schemas.openxmlformats.org/drawingml/2006/main" xmlns:r="http://schemas.openxmlformats.org/officeDocument/2006/relationships" xmlns:p="http://schemas.openxmlformats.org/presentationml/2006/main" matchingName="Table of contents">
  <p:cSld name="BLANK_1_1_1_1_1_1">
    <p:spTree>
      <p:nvGrpSpPr>
        <p:cNvPr id="1" name="Shape 50"/>
        <p:cNvGrpSpPr/>
        <p:nvPr/>
      </p:nvGrpSpPr>
      <p:grpSpPr>
        <a:xfrm>
          <a:off x="0" y="0"/>
          <a:ext cx="0" cy="0"/>
          <a:chOff x="0" y="0"/>
          <a:chExt cx="0" cy="0"/>
        </a:xfrm>
      </p:grpSpPr>
      <p:sp>
        <p:nvSpPr>
          <p:cNvPr id="51" name="Google Shape;51;p13"/>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2" name="Google Shape;52;p13"/>
          <p:cNvSpPr txBox="1">
            <a:spLocks noGrp="1"/>
          </p:cNvSpPr>
          <p:nvPr>
            <p:ph type="title"/>
          </p:nvPr>
        </p:nvSpPr>
        <p:spPr>
          <a:xfrm>
            <a:off x="720000" y="540000"/>
            <a:ext cx="7704000" cy="646500"/>
          </a:xfrm>
          <a:prstGeom prst="rect">
            <a:avLst/>
          </a:prstGeom>
        </p:spPr>
        <p:txBody>
          <a:bodyPr spcFirstLastPara="1" wrap="square" lIns="91425" tIns="91425" rIns="91425" bIns="91425" anchor="t" anchorCtr="0">
            <a:noAutofit/>
          </a:bodyPr>
          <a:lstStyle>
            <a:lvl1pPr lvl="0" rtl="0">
              <a:spcBef>
                <a:spcPts val="0"/>
              </a:spcBef>
              <a:spcAft>
                <a:spcPts val="0"/>
              </a:spcAft>
              <a:buSzPts val="3000"/>
              <a:buNone/>
              <a:defRPr/>
            </a:lvl1pPr>
            <a:lvl2pPr lvl="1" rtl="0">
              <a:spcBef>
                <a:spcPts val="0"/>
              </a:spcBef>
              <a:spcAft>
                <a:spcPts val="0"/>
              </a:spcAft>
              <a:buSzPts val="3000"/>
              <a:buNone/>
              <a:defRPr/>
            </a:lvl2pPr>
            <a:lvl3pPr lvl="2" rtl="0">
              <a:spcBef>
                <a:spcPts val="0"/>
              </a:spcBef>
              <a:spcAft>
                <a:spcPts val="0"/>
              </a:spcAft>
              <a:buSzPts val="3000"/>
              <a:buNone/>
              <a:defRPr/>
            </a:lvl3pPr>
            <a:lvl4pPr lvl="3" rtl="0">
              <a:spcBef>
                <a:spcPts val="0"/>
              </a:spcBef>
              <a:spcAft>
                <a:spcPts val="0"/>
              </a:spcAft>
              <a:buSzPts val="3000"/>
              <a:buNone/>
              <a:defRPr/>
            </a:lvl4pPr>
            <a:lvl5pPr lvl="4" rtl="0">
              <a:spcBef>
                <a:spcPts val="0"/>
              </a:spcBef>
              <a:spcAft>
                <a:spcPts val="0"/>
              </a:spcAft>
              <a:buSzPts val="3000"/>
              <a:buNone/>
              <a:defRPr/>
            </a:lvl5pPr>
            <a:lvl6pPr lvl="5" rtl="0">
              <a:spcBef>
                <a:spcPts val="0"/>
              </a:spcBef>
              <a:spcAft>
                <a:spcPts val="0"/>
              </a:spcAft>
              <a:buSzPts val="3000"/>
              <a:buNone/>
              <a:defRPr/>
            </a:lvl6pPr>
            <a:lvl7pPr lvl="6" rtl="0">
              <a:spcBef>
                <a:spcPts val="0"/>
              </a:spcBef>
              <a:spcAft>
                <a:spcPts val="0"/>
              </a:spcAft>
              <a:buSzPts val="3000"/>
              <a:buNone/>
              <a:defRPr/>
            </a:lvl7pPr>
            <a:lvl8pPr lvl="7" rtl="0">
              <a:spcBef>
                <a:spcPts val="0"/>
              </a:spcBef>
              <a:spcAft>
                <a:spcPts val="0"/>
              </a:spcAft>
              <a:buSzPts val="3000"/>
              <a:buNone/>
              <a:defRPr/>
            </a:lvl8pPr>
            <a:lvl9pPr lvl="8" rtl="0">
              <a:spcBef>
                <a:spcPts val="0"/>
              </a:spcBef>
              <a:spcAft>
                <a:spcPts val="0"/>
              </a:spcAft>
              <a:buSzPts val="3000"/>
              <a:buNone/>
              <a:defRPr/>
            </a:lvl9pPr>
          </a:lstStyle>
          <a:p>
            <a:endParaRPr/>
          </a:p>
        </p:txBody>
      </p:sp>
      <p:sp>
        <p:nvSpPr>
          <p:cNvPr id="53" name="Google Shape;53;p13"/>
          <p:cNvSpPr txBox="1">
            <a:spLocks noGrp="1"/>
          </p:cNvSpPr>
          <p:nvPr>
            <p:ph type="title" idx="2" hasCustomPrompt="1"/>
          </p:nvPr>
        </p:nvSpPr>
        <p:spPr>
          <a:xfrm>
            <a:off x="720000" y="1561146"/>
            <a:ext cx="720000" cy="646500"/>
          </a:xfrm>
          <a:prstGeom prst="rect">
            <a:avLst/>
          </a:prstGeom>
          <a:noFill/>
        </p:spPr>
        <p:txBody>
          <a:bodyPr spcFirstLastPara="1" wrap="square" lIns="91425" tIns="91425" rIns="91425" bIns="91425" anchor="ctr" anchorCtr="0">
            <a:noAutofit/>
          </a:bodyPr>
          <a:lstStyle>
            <a:lvl1pPr lvl="0" rtl="0">
              <a:spcBef>
                <a:spcPts val="0"/>
              </a:spcBef>
              <a:spcAft>
                <a:spcPts val="0"/>
              </a:spcAft>
              <a:buSzPts val="3000"/>
              <a:buNone/>
              <a:defRPr sz="3000"/>
            </a:lvl1pPr>
            <a:lvl2pPr lvl="1" rtl="0">
              <a:spcBef>
                <a:spcPts val="0"/>
              </a:spcBef>
              <a:spcAft>
                <a:spcPts val="0"/>
              </a:spcAft>
              <a:buSzPts val="3000"/>
              <a:buNone/>
              <a:defRPr sz="3000"/>
            </a:lvl2pPr>
            <a:lvl3pPr lvl="2" rtl="0">
              <a:spcBef>
                <a:spcPts val="0"/>
              </a:spcBef>
              <a:spcAft>
                <a:spcPts val="0"/>
              </a:spcAft>
              <a:buSzPts val="3000"/>
              <a:buNone/>
              <a:defRPr sz="3000"/>
            </a:lvl3pPr>
            <a:lvl4pPr lvl="3" rtl="0">
              <a:spcBef>
                <a:spcPts val="0"/>
              </a:spcBef>
              <a:spcAft>
                <a:spcPts val="0"/>
              </a:spcAft>
              <a:buSzPts val="3000"/>
              <a:buNone/>
              <a:defRPr sz="3000"/>
            </a:lvl4pPr>
            <a:lvl5pPr lvl="4" rtl="0">
              <a:spcBef>
                <a:spcPts val="0"/>
              </a:spcBef>
              <a:spcAft>
                <a:spcPts val="0"/>
              </a:spcAft>
              <a:buSzPts val="3000"/>
              <a:buNone/>
              <a:defRPr sz="3000"/>
            </a:lvl5pPr>
            <a:lvl6pPr lvl="5" rtl="0">
              <a:spcBef>
                <a:spcPts val="0"/>
              </a:spcBef>
              <a:spcAft>
                <a:spcPts val="0"/>
              </a:spcAft>
              <a:buSzPts val="3000"/>
              <a:buNone/>
              <a:defRPr sz="3000"/>
            </a:lvl6pPr>
            <a:lvl7pPr lvl="6" rtl="0">
              <a:spcBef>
                <a:spcPts val="0"/>
              </a:spcBef>
              <a:spcAft>
                <a:spcPts val="0"/>
              </a:spcAft>
              <a:buSzPts val="3000"/>
              <a:buNone/>
              <a:defRPr sz="3000"/>
            </a:lvl7pPr>
            <a:lvl8pPr lvl="7" rtl="0">
              <a:spcBef>
                <a:spcPts val="0"/>
              </a:spcBef>
              <a:spcAft>
                <a:spcPts val="0"/>
              </a:spcAft>
              <a:buSzPts val="3000"/>
              <a:buNone/>
              <a:defRPr sz="3000"/>
            </a:lvl8pPr>
            <a:lvl9pPr lvl="8" rtl="0">
              <a:spcBef>
                <a:spcPts val="0"/>
              </a:spcBef>
              <a:spcAft>
                <a:spcPts val="0"/>
              </a:spcAft>
              <a:buSzPts val="3000"/>
              <a:buNone/>
              <a:defRPr sz="3000"/>
            </a:lvl9pPr>
          </a:lstStyle>
          <a:p>
            <a:r>
              <a:t>xx%</a:t>
            </a:r>
          </a:p>
        </p:txBody>
      </p:sp>
      <p:sp>
        <p:nvSpPr>
          <p:cNvPr id="54" name="Google Shape;54;p13"/>
          <p:cNvSpPr txBox="1">
            <a:spLocks noGrp="1"/>
          </p:cNvSpPr>
          <p:nvPr>
            <p:ph type="title" idx="3" hasCustomPrompt="1"/>
          </p:nvPr>
        </p:nvSpPr>
        <p:spPr>
          <a:xfrm>
            <a:off x="720000" y="3082566"/>
            <a:ext cx="720000" cy="646500"/>
          </a:xfrm>
          <a:prstGeom prst="rect">
            <a:avLst/>
          </a:prstGeom>
          <a:noFill/>
        </p:spPr>
        <p:txBody>
          <a:bodyPr spcFirstLastPara="1" wrap="square" lIns="91425" tIns="91425" rIns="91425" bIns="91425" anchor="ctr" anchorCtr="0">
            <a:noAutofit/>
          </a:bodyPr>
          <a:lstStyle>
            <a:lvl1pPr lvl="0" rtl="0">
              <a:spcBef>
                <a:spcPts val="0"/>
              </a:spcBef>
              <a:spcAft>
                <a:spcPts val="0"/>
              </a:spcAft>
              <a:buSzPts val="3000"/>
              <a:buNone/>
              <a:defRPr sz="3000"/>
            </a:lvl1pPr>
            <a:lvl2pPr lvl="1" rtl="0">
              <a:spcBef>
                <a:spcPts val="0"/>
              </a:spcBef>
              <a:spcAft>
                <a:spcPts val="0"/>
              </a:spcAft>
              <a:buSzPts val="3000"/>
              <a:buNone/>
              <a:defRPr sz="3000"/>
            </a:lvl2pPr>
            <a:lvl3pPr lvl="2" rtl="0">
              <a:spcBef>
                <a:spcPts val="0"/>
              </a:spcBef>
              <a:spcAft>
                <a:spcPts val="0"/>
              </a:spcAft>
              <a:buSzPts val="3000"/>
              <a:buNone/>
              <a:defRPr sz="3000"/>
            </a:lvl3pPr>
            <a:lvl4pPr lvl="3" rtl="0">
              <a:spcBef>
                <a:spcPts val="0"/>
              </a:spcBef>
              <a:spcAft>
                <a:spcPts val="0"/>
              </a:spcAft>
              <a:buSzPts val="3000"/>
              <a:buNone/>
              <a:defRPr sz="3000"/>
            </a:lvl4pPr>
            <a:lvl5pPr lvl="4" rtl="0">
              <a:spcBef>
                <a:spcPts val="0"/>
              </a:spcBef>
              <a:spcAft>
                <a:spcPts val="0"/>
              </a:spcAft>
              <a:buSzPts val="3000"/>
              <a:buNone/>
              <a:defRPr sz="3000"/>
            </a:lvl5pPr>
            <a:lvl6pPr lvl="5" rtl="0">
              <a:spcBef>
                <a:spcPts val="0"/>
              </a:spcBef>
              <a:spcAft>
                <a:spcPts val="0"/>
              </a:spcAft>
              <a:buSzPts val="3000"/>
              <a:buNone/>
              <a:defRPr sz="3000"/>
            </a:lvl6pPr>
            <a:lvl7pPr lvl="6" rtl="0">
              <a:spcBef>
                <a:spcPts val="0"/>
              </a:spcBef>
              <a:spcAft>
                <a:spcPts val="0"/>
              </a:spcAft>
              <a:buSzPts val="3000"/>
              <a:buNone/>
              <a:defRPr sz="3000"/>
            </a:lvl7pPr>
            <a:lvl8pPr lvl="7" rtl="0">
              <a:spcBef>
                <a:spcPts val="0"/>
              </a:spcBef>
              <a:spcAft>
                <a:spcPts val="0"/>
              </a:spcAft>
              <a:buSzPts val="3000"/>
              <a:buNone/>
              <a:defRPr sz="3000"/>
            </a:lvl8pPr>
            <a:lvl9pPr lvl="8" rtl="0">
              <a:spcBef>
                <a:spcPts val="0"/>
              </a:spcBef>
              <a:spcAft>
                <a:spcPts val="0"/>
              </a:spcAft>
              <a:buSzPts val="3000"/>
              <a:buNone/>
              <a:defRPr sz="3000"/>
            </a:lvl9pPr>
          </a:lstStyle>
          <a:p>
            <a:r>
              <a:t>xx%</a:t>
            </a:r>
          </a:p>
        </p:txBody>
      </p:sp>
      <p:sp>
        <p:nvSpPr>
          <p:cNvPr id="55" name="Google Shape;55;p13"/>
          <p:cNvSpPr txBox="1">
            <a:spLocks noGrp="1"/>
          </p:cNvSpPr>
          <p:nvPr>
            <p:ph type="title" idx="4" hasCustomPrompt="1"/>
          </p:nvPr>
        </p:nvSpPr>
        <p:spPr>
          <a:xfrm>
            <a:off x="3348000" y="1561146"/>
            <a:ext cx="720000" cy="646500"/>
          </a:xfrm>
          <a:prstGeom prst="rect">
            <a:avLst/>
          </a:prstGeom>
          <a:noFill/>
        </p:spPr>
        <p:txBody>
          <a:bodyPr spcFirstLastPara="1" wrap="square" lIns="91425" tIns="91425" rIns="91425" bIns="91425" anchor="ctr" anchorCtr="0">
            <a:noAutofit/>
          </a:bodyPr>
          <a:lstStyle>
            <a:lvl1pPr lvl="0" rtl="0">
              <a:spcBef>
                <a:spcPts val="0"/>
              </a:spcBef>
              <a:spcAft>
                <a:spcPts val="0"/>
              </a:spcAft>
              <a:buSzPts val="3000"/>
              <a:buNone/>
              <a:defRPr sz="3000"/>
            </a:lvl1pPr>
            <a:lvl2pPr lvl="1" rtl="0">
              <a:spcBef>
                <a:spcPts val="0"/>
              </a:spcBef>
              <a:spcAft>
                <a:spcPts val="0"/>
              </a:spcAft>
              <a:buSzPts val="3000"/>
              <a:buNone/>
              <a:defRPr sz="3000"/>
            </a:lvl2pPr>
            <a:lvl3pPr lvl="2" rtl="0">
              <a:spcBef>
                <a:spcPts val="0"/>
              </a:spcBef>
              <a:spcAft>
                <a:spcPts val="0"/>
              </a:spcAft>
              <a:buSzPts val="3000"/>
              <a:buNone/>
              <a:defRPr sz="3000"/>
            </a:lvl3pPr>
            <a:lvl4pPr lvl="3" rtl="0">
              <a:spcBef>
                <a:spcPts val="0"/>
              </a:spcBef>
              <a:spcAft>
                <a:spcPts val="0"/>
              </a:spcAft>
              <a:buSzPts val="3000"/>
              <a:buNone/>
              <a:defRPr sz="3000"/>
            </a:lvl4pPr>
            <a:lvl5pPr lvl="4" rtl="0">
              <a:spcBef>
                <a:spcPts val="0"/>
              </a:spcBef>
              <a:spcAft>
                <a:spcPts val="0"/>
              </a:spcAft>
              <a:buSzPts val="3000"/>
              <a:buNone/>
              <a:defRPr sz="3000"/>
            </a:lvl5pPr>
            <a:lvl6pPr lvl="5" rtl="0">
              <a:spcBef>
                <a:spcPts val="0"/>
              </a:spcBef>
              <a:spcAft>
                <a:spcPts val="0"/>
              </a:spcAft>
              <a:buSzPts val="3000"/>
              <a:buNone/>
              <a:defRPr sz="3000"/>
            </a:lvl6pPr>
            <a:lvl7pPr lvl="6" rtl="0">
              <a:spcBef>
                <a:spcPts val="0"/>
              </a:spcBef>
              <a:spcAft>
                <a:spcPts val="0"/>
              </a:spcAft>
              <a:buSzPts val="3000"/>
              <a:buNone/>
              <a:defRPr sz="3000"/>
            </a:lvl7pPr>
            <a:lvl8pPr lvl="7" rtl="0">
              <a:spcBef>
                <a:spcPts val="0"/>
              </a:spcBef>
              <a:spcAft>
                <a:spcPts val="0"/>
              </a:spcAft>
              <a:buSzPts val="3000"/>
              <a:buNone/>
              <a:defRPr sz="3000"/>
            </a:lvl8pPr>
            <a:lvl9pPr lvl="8" rtl="0">
              <a:spcBef>
                <a:spcPts val="0"/>
              </a:spcBef>
              <a:spcAft>
                <a:spcPts val="0"/>
              </a:spcAft>
              <a:buSzPts val="3000"/>
              <a:buNone/>
              <a:defRPr sz="3000"/>
            </a:lvl9pPr>
          </a:lstStyle>
          <a:p>
            <a:r>
              <a:t>xx%</a:t>
            </a:r>
          </a:p>
        </p:txBody>
      </p:sp>
      <p:sp>
        <p:nvSpPr>
          <p:cNvPr id="56" name="Google Shape;56;p13"/>
          <p:cNvSpPr txBox="1">
            <a:spLocks noGrp="1"/>
          </p:cNvSpPr>
          <p:nvPr>
            <p:ph type="title" idx="5" hasCustomPrompt="1"/>
          </p:nvPr>
        </p:nvSpPr>
        <p:spPr>
          <a:xfrm>
            <a:off x="3348000" y="3082566"/>
            <a:ext cx="720000" cy="646500"/>
          </a:xfrm>
          <a:prstGeom prst="rect">
            <a:avLst/>
          </a:prstGeom>
          <a:noFill/>
        </p:spPr>
        <p:txBody>
          <a:bodyPr spcFirstLastPara="1" wrap="square" lIns="91425" tIns="91425" rIns="91425" bIns="91425" anchor="ctr" anchorCtr="0">
            <a:noAutofit/>
          </a:bodyPr>
          <a:lstStyle>
            <a:lvl1pPr lvl="0" rtl="0">
              <a:spcBef>
                <a:spcPts val="0"/>
              </a:spcBef>
              <a:spcAft>
                <a:spcPts val="0"/>
              </a:spcAft>
              <a:buSzPts val="3000"/>
              <a:buNone/>
              <a:defRPr sz="3000"/>
            </a:lvl1pPr>
            <a:lvl2pPr lvl="1" rtl="0">
              <a:spcBef>
                <a:spcPts val="0"/>
              </a:spcBef>
              <a:spcAft>
                <a:spcPts val="0"/>
              </a:spcAft>
              <a:buSzPts val="3000"/>
              <a:buNone/>
              <a:defRPr sz="3000"/>
            </a:lvl2pPr>
            <a:lvl3pPr lvl="2" rtl="0">
              <a:spcBef>
                <a:spcPts val="0"/>
              </a:spcBef>
              <a:spcAft>
                <a:spcPts val="0"/>
              </a:spcAft>
              <a:buSzPts val="3000"/>
              <a:buNone/>
              <a:defRPr sz="3000"/>
            </a:lvl3pPr>
            <a:lvl4pPr lvl="3" rtl="0">
              <a:spcBef>
                <a:spcPts val="0"/>
              </a:spcBef>
              <a:spcAft>
                <a:spcPts val="0"/>
              </a:spcAft>
              <a:buSzPts val="3000"/>
              <a:buNone/>
              <a:defRPr sz="3000"/>
            </a:lvl4pPr>
            <a:lvl5pPr lvl="4" rtl="0">
              <a:spcBef>
                <a:spcPts val="0"/>
              </a:spcBef>
              <a:spcAft>
                <a:spcPts val="0"/>
              </a:spcAft>
              <a:buSzPts val="3000"/>
              <a:buNone/>
              <a:defRPr sz="3000"/>
            </a:lvl5pPr>
            <a:lvl6pPr lvl="5" rtl="0">
              <a:spcBef>
                <a:spcPts val="0"/>
              </a:spcBef>
              <a:spcAft>
                <a:spcPts val="0"/>
              </a:spcAft>
              <a:buSzPts val="3000"/>
              <a:buNone/>
              <a:defRPr sz="3000"/>
            </a:lvl6pPr>
            <a:lvl7pPr lvl="6" rtl="0">
              <a:spcBef>
                <a:spcPts val="0"/>
              </a:spcBef>
              <a:spcAft>
                <a:spcPts val="0"/>
              </a:spcAft>
              <a:buSzPts val="3000"/>
              <a:buNone/>
              <a:defRPr sz="3000"/>
            </a:lvl7pPr>
            <a:lvl8pPr lvl="7" rtl="0">
              <a:spcBef>
                <a:spcPts val="0"/>
              </a:spcBef>
              <a:spcAft>
                <a:spcPts val="0"/>
              </a:spcAft>
              <a:buSzPts val="3000"/>
              <a:buNone/>
              <a:defRPr sz="3000"/>
            </a:lvl8pPr>
            <a:lvl9pPr lvl="8" rtl="0">
              <a:spcBef>
                <a:spcPts val="0"/>
              </a:spcBef>
              <a:spcAft>
                <a:spcPts val="0"/>
              </a:spcAft>
              <a:buSzPts val="3000"/>
              <a:buNone/>
              <a:defRPr sz="3000"/>
            </a:lvl9pPr>
          </a:lstStyle>
          <a:p>
            <a:r>
              <a:t>xx%</a:t>
            </a:r>
          </a:p>
        </p:txBody>
      </p:sp>
      <p:sp>
        <p:nvSpPr>
          <p:cNvPr id="57" name="Google Shape;57;p13"/>
          <p:cNvSpPr txBox="1">
            <a:spLocks noGrp="1"/>
          </p:cNvSpPr>
          <p:nvPr>
            <p:ph type="title" idx="6" hasCustomPrompt="1"/>
          </p:nvPr>
        </p:nvSpPr>
        <p:spPr>
          <a:xfrm>
            <a:off x="5976000" y="1561146"/>
            <a:ext cx="720000" cy="646500"/>
          </a:xfrm>
          <a:prstGeom prst="rect">
            <a:avLst/>
          </a:prstGeom>
          <a:noFill/>
        </p:spPr>
        <p:txBody>
          <a:bodyPr spcFirstLastPara="1" wrap="square" lIns="91425" tIns="91425" rIns="91425" bIns="91425" anchor="ctr" anchorCtr="0">
            <a:noAutofit/>
          </a:bodyPr>
          <a:lstStyle>
            <a:lvl1pPr lvl="0" rtl="0">
              <a:spcBef>
                <a:spcPts val="0"/>
              </a:spcBef>
              <a:spcAft>
                <a:spcPts val="0"/>
              </a:spcAft>
              <a:buSzPts val="3000"/>
              <a:buNone/>
              <a:defRPr sz="3000"/>
            </a:lvl1pPr>
            <a:lvl2pPr lvl="1" rtl="0">
              <a:spcBef>
                <a:spcPts val="0"/>
              </a:spcBef>
              <a:spcAft>
                <a:spcPts val="0"/>
              </a:spcAft>
              <a:buSzPts val="3000"/>
              <a:buNone/>
              <a:defRPr sz="3000"/>
            </a:lvl2pPr>
            <a:lvl3pPr lvl="2" rtl="0">
              <a:spcBef>
                <a:spcPts val="0"/>
              </a:spcBef>
              <a:spcAft>
                <a:spcPts val="0"/>
              </a:spcAft>
              <a:buSzPts val="3000"/>
              <a:buNone/>
              <a:defRPr sz="3000"/>
            </a:lvl3pPr>
            <a:lvl4pPr lvl="3" rtl="0">
              <a:spcBef>
                <a:spcPts val="0"/>
              </a:spcBef>
              <a:spcAft>
                <a:spcPts val="0"/>
              </a:spcAft>
              <a:buSzPts val="3000"/>
              <a:buNone/>
              <a:defRPr sz="3000"/>
            </a:lvl4pPr>
            <a:lvl5pPr lvl="4" rtl="0">
              <a:spcBef>
                <a:spcPts val="0"/>
              </a:spcBef>
              <a:spcAft>
                <a:spcPts val="0"/>
              </a:spcAft>
              <a:buSzPts val="3000"/>
              <a:buNone/>
              <a:defRPr sz="3000"/>
            </a:lvl5pPr>
            <a:lvl6pPr lvl="5" rtl="0">
              <a:spcBef>
                <a:spcPts val="0"/>
              </a:spcBef>
              <a:spcAft>
                <a:spcPts val="0"/>
              </a:spcAft>
              <a:buSzPts val="3000"/>
              <a:buNone/>
              <a:defRPr sz="3000"/>
            </a:lvl6pPr>
            <a:lvl7pPr lvl="6" rtl="0">
              <a:spcBef>
                <a:spcPts val="0"/>
              </a:spcBef>
              <a:spcAft>
                <a:spcPts val="0"/>
              </a:spcAft>
              <a:buSzPts val="3000"/>
              <a:buNone/>
              <a:defRPr sz="3000"/>
            </a:lvl7pPr>
            <a:lvl8pPr lvl="7" rtl="0">
              <a:spcBef>
                <a:spcPts val="0"/>
              </a:spcBef>
              <a:spcAft>
                <a:spcPts val="0"/>
              </a:spcAft>
              <a:buSzPts val="3000"/>
              <a:buNone/>
              <a:defRPr sz="3000"/>
            </a:lvl8pPr>
            <a:lvl9pPr lvl="8" rtl="0">
              <a:spcBef>
                <a:spcPts val="0"/>
              </a:spcBef>
              <a:spcAft>
                <a:spcPts val="0"/>
              </a:spcAft>
              <a:buSzPts val="3000"/>
              <a:buNone/>
              <a:defRPr sz="3000"/>
            </a:lvl9pPr>
          </a:lstStyle>
          <a:p>
            <a:r>
              <a:t>xx%</a:t>
            </a:r>
          </a:p>
        </p:txBody>
      </p:sp>
      <p:sp>
        <p:nvSpPr>
          <p:cNvPr id="58" name="Google Shape;58;p13"/>
          <p:cNvSpPr txBox="1">
            <a:spLocks noGrp="1"/>
          </p:cNvSpPr>
          <p:nvPr>
            <p:ph type="title" idx="7" hasCustomPrompt="1"/>
          </p:nvPr>
        </p:nvSpPr>
        <p:spPr>
          <a:xfrm>
            <a:off x="5976000" y="3082566"/>
            <a:ext cx="720000" cy="646500"/>
          </a:xfrm>
          <a:prstGeom prst="rect">
            <a:avLst/>
          </a:prstGeom>
          <a:noFill/>
        </p:spPr>
        <p:txBody>
          <a:bodyPr spcFirstLastPara="1" wrap="square" lIns="91425" tIns="91425" rIns="91425" bIns="91425" anchor="ctr" anchorCtr="0">
            <a:noAutofit/>
          </a:bodyPr>
          <a:lstStyle>
            <a:lvl1pPr lvl="0" rtl="0">
              <a:spcBef>
                <a:spcPts val="0"/>
              </a:spcBef>
              <a:spcAft>
                <a:spcPts val="0"/>
              </a:spcAft>
              <a:buSzPts val="3000"/>
              <a:buNone/>
              <a:defRPr sz="3000"/>
            </a:lvl1pPr>
            <a:lvl2pPr lvl="1" rtl="0">
              <a:spcBef>
                <a:spcPts val="0"/>
              </a:spcBef>
              <a:spcAft>
                <a:spcPts val="0"/>
              </a:spcAft>
              <a:buSzPts val="3000"/>
              <a:buNone/>
              <a:defRPr sz="3000"/>
            </a:lvl2pPr>
            <a:lvl3pPr lvl="2" rtl="0">
              <a:spcBef>
                <a:spcPts val="0"/>
              </a:spcBef>
              <a:spcAft>
                <a:spcPts val="0"/>
              </a:spcAft>
              <a:buSzPts val="3000"/>
              <a:buNone/>
              <a:defRPr sz="3000"/>
            </a:lvl3pPr>
            <a:lvl4pPr lvl="3" rtl="0">
              <a:spcBef>
                <a:spcPts val="0"/>
              </a:spcBef>
              <a:spcAft>
                <a:spcPts val="0"/>
              </a:spcAft>
              <a:buSzPts val="3000"/>
              <a:buNone/>
              <a:defRPr sz="3000"/>
            </a:lvl4pPr>
            <a:lvl5pPr lvl="4" rtl="0">
              <a:spcBef>
                <a:spcPts val="0"/>
              </a:spcBef>
              <a:spcAft>
                <a:spcPts val="0"/>
              </a:spcAft>
              <a:buSzPts val="3000"/>
              <a:buNone/>
              <a:defRPr sz="3000"/>
            </a:lvl5pPr>
            <a:lvl6pPr lvl="5" rtl="0">
              <a:spcBef>
                <a:spcPts val="0"/>
              </a:spcBef>
              <a:spcAft>
                <a:spcPts val="0"/>
              </a:spcAft>
              <a:buSzPts val="3000"/>
              <a:buNone/>
              <a:defRPr sz="3000"/>
            </a:lvl6pPr>
            <a:lvl7pPr lvl="6" rtl="0">
              <a:spcBef>
                <a:spcPts val="0"/>
              </a:spcBef>
              <a:spcAft>
                <a:spcPts val="0"/>
              </a:spcAft>
              <a:buSzPts val="3000"/>
              <a:buNone/>
              <a:defRPr sz="3000"/>
            </a:lvl7pPr>
            <a:lvl8pPr lvl="7" rtl="0">
              <a:spcBef>
                <a:spcPts val="0"/>
              </a:spcBef>
              <a:spcAft>
                <a:spcPts val="0"/>
              </a:spcAft>
              <a:buSzPts val="3000"/>
              <a:buNone/>
              <a:defRPr sz="3000"/>
            </a:lvl8pPr>
            <a:lvl9pPr lvl="8" rtl="0">
              <a:spcBef>
                <a:spcPts val="0"/>
              </a:spcBef>
              <a:spcAft>
                <a:spcPts val="0"/>
              </a:spcAft>
              <a:buSzPts val="3000"/>
              <a:buNone/>
              <a:defRPr sz="3000"/>
            </a:lvl9pPr>
          </a:lstStyle>
          <a:p>
            <a:r>
              <a:t>xx%</a:t>
            </a:r>
          </a:p>
        </p:txBody>
      </p:sp>
      <p:sp>
        <p:nvSpPr>
          <p:cNvPr id="59" name="Google Shape;59;p13"/>
          <p:cNvSpPr txBox="1">
            <a:spLocks noGrp="1"/>
          </p:cNvSpPr>
          <p:nvPr>
            <p:ph type="subTitle" idx="1"/>
          </p:nvPr>
        </p:nvSpPr>
        <p:spPr>
          <a:xfrm>
            <a:off x="720000" y="2283838"/>
            <a:ext cx="2448000" cy="4617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60" name="Google Shape;60;p13"/>
          <p:cNvSpPr txBox="1">
            <a:spLocks noGrp="1"/>
          </p:cNvSpPr>
          <p:nvPr>
            <p:ph type="subTitle" idx="8"/>
          </p:nvPr>
        </p:nvSpPr>
        <p:spPr>
          <a:xfrm>
            <a:off x="3348000" y="2283838"/>
            <a:ext cx="2448000" cy="4617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61" name="Google Shape;61;p13"/>
          <p:cNvSpPr txBox="1">
            <a:spLocks noGrp="1"/>
          </p:cNvSpPr>
          <p:nvPr>
            <p:ph type="subTitle" idx="9"/>
          </p:nvPr>
        </p:nvSpPr>
        <p:spPr>
          <a:xfrm>
            <a:off x="5976000" y="2283838"/>
            <a:ext cx="2448000" cy="4617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62" name="Google Shape;62;p13"/>
          <p:cNvSpPr txBox="1">
            <a:spLocks noGrp="1"/>
          </p:cNvSpPr>
          <p:nvPr>
            <p:ph type="subTitle" idx="13"/>
          </p:nvPr>
        </p:nvSpPr>
        <p:spPr>
          <a:xfrm>
            <a:off x="720000" y="3805275"/>
            <a:ext cx="2448000" cy="4617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63" name="Google Shape;63;p13"/>
          <p:cNvSpPr txBox="1">
            <a:spLocks noGrp="1"/>
          </p:cNvSpPr>
          <p:nvPr>
            <p:ph type="subTitle" idx="14"/>
          </p:nvPr>
        </p:nvSpPr>
        <p:spPr>
          <a:xfrm>
            <a:off x="3348000" y="3805275"/>
            <a:ext cx="2448000" cy="4617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64" name="Google Shape;64;p13"/>
          <p:cNvSpPr txBox="1">
            <a:spLocks noGrp="1"/>
          </p:cNvSpPr>
          <p:nvPr>
            <p:ph type="subTitle" idx="15"/>
          </p:nvPr>
        </p:nvSpPr>
        <p:spPr>
          <a:xfrm>
            <a:off x="5976000" y="3805275"/>
            <a:ext cx="2448000" cy="4617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matchingName="Title and three columns">
  <p:cSld name="CUSTOM_6">
    <p:spTree>
      <p:nvGrpSpPr>
        <p:cNvPr id="1" name="Shape 65"/>
        <p:cNvGrpSpPr/>
        <p:nvPr/>
      </p:nvGrpSpPr>
      <p:grpSpPr>
        <a:xfrm>
          <a:off x="0" y="0"/>
          <a:ext cx="0" cy="0"/>
          <a:chOff x="0" y="0"/>
          <a:chExt cx="0" cy="0"/>
        </a:xfrm>
      </p:grpSpPr>
      <p:sp>
        <p:nvSpPr>
          <p:cNvPr id="66" name="Google Shape;66;p14"/>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 name="Google Shape;67;p14"/>
          <p:cNvSpPr txBox="1">
            <a:spLocks noGrp="1"/>
          </p:cNvSpPr>
          <p:nvPr>
            <p:ph type="title"/>
          </p:nvPr>
        </p:nvSpPr>
        <p:spPr>
          <a:xfrm>
            <a:off x="720000" y="539500"/>
            <a:ext cx="7704000" cy="646500"/>
          </a:xfrm>
          <a:prstGeom prst="rect">
            <a:avLst/>
          </a:prstGeom>
        </p:spPr>
        <p:txBody>
          <a:bodyPr spcFirstLastPara="1" wrap="square" lIns="91425" tIns="91425" rIns="91425" bIns="91425" anchor="t" anchorCtr="0">
            <a:noAutofit/>
          </a:bodyPr>
          <a:lstStyle>
            <a:lvl1pPr lvl="0" rtl="0">
              <a:spcBef>
                <a:spcPts val="0"/>
              </a:spcBef>
              <a:spcAft>
                <a:spcPts val="0"/>
              </a:spcAft>
              <a:buSzPts val="3000"/>
              <a:buNone/>
              <a:defRPr/>
            </a:lvl1pPr>
            <a:lvl2pPr lvl="1" rtl="0">
              <a:spcBef>
                <a:spcPts val="0"/>
              </a:spcBef>
              <a:spcAft>
                <a:spcPts val="0"/>
              </a:spcAft>
              <a:buSzPts val="3000"/>
              <a:buNone/>
              <a:defRPr/>
            </a:lvl2pPr>
            <a:lvl3pPr lvl="2" rtl="0">
              <a:spcBef>
                <a:spcPts val="0"/>
              </a:spcBef>
              <a:spcAft>
                <a:spcPts val="0"/>
              </a:spcAft>
              <a:buSzPts val="3000"/>
              <a:buNone/>
              <a:defRPr/>
            </a:lvl3pPr>
            <a:lvl4pPr lvl="3" rtl="0">
              <a:spcBef>
                <a:spcPts val="0"/>
              </a:spcBef>
              <a:spcAft>
                <a:spcPts val="0"/>
              </a:spcAft>
              <a:buSzPts val="3000"/>
              <a:buNone/>
              <a:defRPr/>
            </a:lvl4pPr>
            <a:lvl5pPr lvl="4" rtl="0">
              <a:spcBef>
                <a:spcPts val="0"/>
              </a:spcBef>
              <a:spcAft>
                <a:spcPts val="0"/>
              </a:spcAft>
              <a:buSzPts val="3000"/>
              <a:buNone/>
              <a:defRPr/>
            </a:lvl5pPr>
            <a:lvl6pPr lvl="5" rtl="0">
              <a:spcBef>
                <a:spcPts val="0"/>
              </a:spcBef>
              <a:spcAft>
                <a:spcPts val="0"/>
              </a:spcAft>
              <a:buSzPts val="3000"/>
              <a:buNone/>
              <a:defRPr/>
            </a:lvl6pPr>
            <a:lvl7pPr lvl="6" rtl="0">
              <a:spcBef>
                <a:spcPts val="0"/>
              </a:spcBef>
              <a:spcAft>
                <a:spcPts val="0"/>
              </a:spcAft>
              <a:buSzPts val="3000"/>
              <a:buNone/>
              <a:defRPr/>
            </a:lvl7pPr>
            <a:lvl8pPr lvl="7" rtl="0">
              <a:spcBef>
                <a:spcPts val="0"/>
              </a:spcBef>
              <a:spcAft>
                <a:spcPts val="0"/>
              </a:spcAft>
              <a:buSzPts val="3000"/>
              <a:buNone/>
              <a:defRPr/>
            </a:lvl8pPr>
            <a:lvl9pPr lvl="8" rtl="0">
              <a:spcBef>
                <a:spcPts val="0"/>
              </a:spcBef>
              <a:spcAft>
                <a:spcPts val="0"/>
              </a:spcAft>
              <a:buSzPts val="3000"/>
              <a:buNone/>
              <a:defRPr/>
            </a:lvl9pPr>
          </a:lstStyle>
          <a:p>
            <a:endParaRPr/>
          </a:p>
        </p:txBody>
      </p:sp>
      <p:sp>
        <p:nvSpPr>
          <p:cNvPr id="68" name="Google Shape;68;p14"/>
          <p:cNvSpPr txBox="1">
            <a:spLocks noGrp="1"/>
          </p:cNvSpPr>
          <p:nvPr>
            <p:ph type="subTitle" idx="1"/>
          </p:nvPr>
        </p:nvSpPr>
        <p:spPr>
          <a:xfrm>
            <a:off x="720000" y="2275648"/>
            <a:ext cx="2376000" cy="16623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69" name="Google Shape;69;p14"/>
          <p:cNvSpPr txBox="1">
            <a:spLocks noGrp="1"/>
          </p:cNvSpPr>
          <p:nvPr>
            <p:ph type="subTitle" idx="2"/>
          </p:nvPr>
        </p:nvSpPr>
        <p:spPr>
          <a:xfrm>
            <a:off x="3384000" y="2275648"/>
            <a:ext cx="2376000" cy="16623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70" name="Google Shape;70;p14"/>
          <p:cNvSpPr txBox="1">
            <a:spLocks noGrp="1"/>
          </p:cNvSpPr>
          <p:nvPr>
            <p:ph type="subTitle" idx="3"/>
          </p:nvPr>
        </p:nvSpPr>
        <p:spPr>
          <a:xfrm>
            <a:off x="6048000" y="2275648"/>
            <a:ext cx="2376000" cy="16623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71" name="Google Shape;71;p14"/>
          <p:cNvSpPr txBox="1">
            <a:spLocks noGrp="1"/>
          </p:cNvSpPr>
          <p:nvPr>
            <p:ph type="subTitle" idx="4"/>
          </p:nvPr>
        </p:nvSpPr>
        <p:spPr>
          <a:xfrm>
            <a:off x="720000" y="1890152"/>
            <a:ext cx="2376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72" name="Google Shape;72;p14"/>
          <p:cNvSpPr txBox="1">
            <a:spLocks noGrp="1"/>
          </p:cNvSpPr>
          <p:nvPr>
            <p:ph type="subTitle" idx="5"/>
          </p:nvPr>
        </p:nvSpPr>
        <p:spPr>
          <a:xfrm>
            <a:off x="3384000" y="1890152"/>
            <a:ext cx="2376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73" name="Google Shape;73;p14"/>
          <p:cNvSpPr txBox="1">
            <a:spLocks noGrp="1"/>
          </p:cNvSpPr>
          <p:nvPr>
            <p:ph type="subTitle" idx="6"/>
          </p:nvPr>
        </p:nvSpPr>
        <p:spPr>
          <a:xfrm>
            <a:off x="6048000" y="1890152"/>
            <a:ext cx="2376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14.xml><?xml version="1.0" encoding="utf-8"?>
<p:sldLayout xmlns:a="http://schemas.openxmlformats.org/drawingml/2006/main" xmlns:r="http://schemas.openxmlformats.org/officeDocument/2006/relationships" xmlns:p="http://schemas.openxmlformats.org/presentationml/2006/main" matchingName="Title and four columns">
  <p:cSld name="CUSTOM_5">
    <p:spTree>
      <p:nvGrpSpPr>
        <p:cNvPr id="1" name="Shape 74"/>
        <p:cNvGrpSpPr/>
        <p:nvPr/>
      </p:nvGrpSpPr>
      <p:grpSpPr>
        <a:xfrm>
          <a:off x="0" y="0"/>
          <a:ext cx="0" cy="0"/>
          <a:chOff x="0" y="0"/>
          <a:chExt cx="0" cy="0"/>
        </a:xfrm>
      </p:grpSpPr>
      <p:sp>
        <p:nvSpPr>
          <p:cNvPr id="75" name="Google Shape;75;p15"/>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 name="Google Shape;76;p15"/>
          <p:cNvSpPr txBox="1">
            <a:spLocks noGrp="1"/>
          </p:cNvSpPr>
          <p:nvPr>
            <p:ph type="title"/>
          </p:nvPr>
        </p:nvSpPr>
        <p:spPr>
          <a:xfrm>
            <a:off x="720000" y="539500"/>
            <a:ext cx="7704000" cy="646500"/>
          </a:xfrm>
          <a:prstGeom prst="rect">
            <a:avLst/>
          </a:prstGeom>
        </p:spPr>
        <p:txBody>
          <a:bodyPr spcFirstLastPara="1" wrap="square" lIns="91425" tIns="91425" rIns="91425" bIns="91425" anchor="t" anchorCtr="0">
            <a:noAutofit/>
          </a:bodyPr>
          <a:lstStyle>
            <a:lvl1pPr lvl="0" rtl="0">
              <a:spcBef>
                <a:spcPts val="0"/>
              </a:spcBef>
              <a:spcAft>
                <a:spcPts val="0"/>
              </a:spcAft>
              <a:buSzPts val="3000"/>
              <a:buNone/>
              <a:defRPr/>
            </a:lvl1pPr>
            <a:lvl2pPr lvl="1" rtl="0">
              <a:spcBef>
                <a:spcPts val="0"/>
              </a:spcBef>
              <a:spcAft>
                <a:spcPts val="0"/>
              </a:spcAft>
              <a:buSzPts val="3000"/>
              <a:buNone/>
              <a:defRPr/>
            </a:lvl2pPr>
            <a:lvl3pPr lvl="2" rtl="0">
              <a:spcBef>
                <a:spcPts val="0"/>
              </a:spcBef>
              <a:spcAft>
                <a:spcPts val="0"/>
              </a:spcAft>
              <a:buSzPts val="3000"/>
              <a:buNone/>
              <a:defRPr/>
            </a:lvl3pPr>
            <a:lvl4pPr lvl="3" rtl="0">
              <a:spcBef>
                <a:spcPts val="0"/>
              </a:spcBef>
              <a:spcAft>
                <a:spcPts val="0"/>
              </a:spcAft>
              <a:buSzPts val="3000"/>
              <a:buNone/>
              <a:defRPr/>
            </a:lvl4pPr>
            <a:lvl5pPr lvl="4" rtl="0">
              <a:spcBef>
                <a:spcPts val="0"/>
              </a:spcBef>
              <a:spcAft>
                <a:spcPts val="0"/>
              </a:spcAft>
              <a:buSzPts val="3000"/>
              <a:buNone/>
              <a:defRPr/>
            </a:lvl5pPr>
            <a:lvl6pPr lvl="5" rtl="0">
              <a:spcBef>
                <a:spcPts val="0"/>
              </a:spcBef>
              <a:spcAft>
                <a:spcPts val="0"/>
              </a:spcAft>
              <a:buSzPts val="3000"/>
              <a:buNone/>
              <a:defRPr/>
            </a:lvl6pPr>
            <a:lvl7pPr lvl="6" rtl="0">
              <a:spcBef>
                <a:spcPts val="0"/>
              </a:spcBef>
              <a:spcAft>
                <a:spcPts val="0"/>
              </a:spcAft>
              <a:buSzPts val="3000"/>
              <a:buNone/>
              <a:defRPr/>
            </a:lvl7pPr>
            <a:lvl8pPr lvl="7" rtl="0">
              <a:spcBef>
                <a:spcPts val="0"/>
              </a:spcBef>
              <a:spcAft>
                <a:spcPts val="0"/>
              </a:spcAft>
              <a:buSzPts val="3000"/>
              <a:buNone/>
              <a:defRPr/>
            </a:lvl8pPr>
            <a:lvl9pPr lvl="8" rtl="0">
              <a:spcBef>
                <a:spcPts val="0"/>
              </a:spcBef>
              <a:spcAft>
                <a:spcPts val="0"/>
              </a:spcAft>
              <a:buSzPts val="3000"/>
              <a:buNone/>
              <a:defRPr/>
            </a:lvl9pPr>
          </a:lstStyle>
          <a:p>
            <a:endParaRPr/>
          </a:p>
        </p:txBody>
      </p:sp>
      <p:sp>
        <p:nvSpPr>
          <p:cNvPr id="77" name="Google Shape;77;p15"/>
          <p:cNvSpPr txBox="1">
            <a:spLocks noGrp="1"/>
          </p:cNvSpPr>
          <p:nvPr>
            <p:ph type="subTitle" idx="1"/>
          </p:nvPr>
        </p:nvSpPr>
        <p:spPr>
          <a:xfrm>
            <a:off x="1176000" y="1786500"/>
            <a:ext cx="3168000" cy="11088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78" name="Google Shape;78;p15"/>
          <p:cNvSpPr txBox="1">
            <a:spLocks noGrp="1"/>
          </p:cNvSpPr>
          <p:nvPr>
            <p:ph type="subTitle" idx="2"/>
          </p:nvPr>
        </p:nvSpPr>
        <p:spPr>
          <a:xfrm>
            <a:off x="4800000" y="1786500"/>
            <a:ext cx="3168000" cy="11088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79" name="Google Shape;79;p15"/>
          <p:cNvSpPr txBox="1">
            <a:spLocks noGrp="1"/>
          </p:cNvSpPr>
          <p:nvPr>
            <p:ph type="subTitle" idx="3"/>
          </p:nvPr>
        </p:nvSpPr>
        <p:spPr>
          <a:xfrm>
            <a:off x="1176000" y="3495800"/>
            <a:ext cx="3168000" cy="11082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80" name="Google Shape;80;p15"/>
          <p:cNvSpPr txBox="1">
            <a:spLocks noGrp="1"/>
          </p:cNvSpPr>
          <p:nvPr>
            <p:ph type="subTitle" idx="4"/>
          </p:nvPr>
        </p:nvSpPr>
        <p:spPr>
          <a:xfrm>
            <a:off x="4800000" y="3495800"/>
            <a:ext cx="3168000" cy="11082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81" name="Google Shape;81;p15"/>
          <p:cNvSpPr txBox="1">
            <a:spLocks noGrp="1"/>
          </p:cNvSpPr>
          <p:nvPr>
            <p:ph type="subTitle" idx="5"/>
          </p:nvPr>
        </p:nvSpPr>
        <p:spPr>
          <a:xfrm>
            <a:off x="1176000" y="1401000"/>
            <a:ext cx="3168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82" name="Google Shape;82;p15"/>
          <p:cNvSpPr txBox="1">
            <a:spLocks noGrp="1"/>
          </p:cNvSpPr>
          <p:nvPr>
            <p:ph type="subTitle" idx="6"/>
          </p:nvPr>
        </p:nvSpPr>
        <p:spPr>
          <a:xfrm>
            <a:off x="1176000" y="3110300"/>
            <a:ext cx="3168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83" name="Google Shape;83;p15"/>
          <p:cNvSpPr txBox="1">
            <a:spLocks noGrp="1"/>
          </p:cNvSpPr>
          <p:nvPr>
            <p:ph type="subTitle" idx="7"/>
          </p:nvPr>
        </p:nvSpPr>
        <p:spPr>
          <a:xfrm>
            <a:off x="4800000" y="1401000"/>
            <a:ext cx="3168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84" name="Google Shape;84;p15"/>
          <p:cNvSpPr txBox="1">
            <a:spLocks noGrp="1"/>
          </p:cNvSpPr>
          <p:nvPr>
            <p:ph type="subTitle" idx="8"/>
          </p:nvPr>
        </p:nvSpPr>
        <p:spPr>
          <a:xfrm>
            <a:off x="4800000" y="3110300"/>
            <a:ext cx="3168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15.xml><?xml version="1.0" encoding="utf-8"?>
<p:sldLayout xmlns:a="http://schemas.openxmlformats.org/drawingml/2006/main" xmlns:r="http://schemas.openxmlformats.org/officeDocument/2006/relationships" xmlns:p="http://schemas.openxmlformats.org/presentationml/2006/main" matchingName="Title and six columns">
  <p:cSld name="CUSTOM_7">
    <p:spTree>
      <p:nvGrpSpPr>
        <p:cNvPr id="1" name="Shape 85"/>
        <p:cNvGrpSpPr/>
        <p:nvPr/>
      </p:nvGrpSpPr>
      <p:grpSpPr>
        <a:xfrm>
          <a:off x="0" y="0"/>
          <a:ext cx="0" cy="0"/>
          <a:chOff x="0" y="0"/>
          <a:chExt cx="0" cy="0"/>
        </a:xfrm>
      </p:grpSpPr>
      <p:sp>
        <p:nvSpPr>
          <p:cNvPr id="86" name="Google Shape;86;p16"/>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 name="Google Shape;87;p16"/>
          <p:cNvSpPr txBox="1">
            <a:spLocks noGrp="1"/>
          </p:cNvSpPr>
          <p:nvPr>
            <p:ph type="title"/>
          </p:nvPr>
        </p:nvSpPr>
        <p:spPr>
          <a:xfrm>
            <a:off x="720000" y="539500"/>
            <a:ext cx="7704000" cy="646500"/>
          </a:xfrm>
          <a:prstGeom prst="rect">
            <a:avLst/>
          </a:prstGeom>
        </p:spPr>
        <p:txBody>
          <a:bodyPr spcFirstLastPara="1" wrap="square" lIns="91425" tIns="91425" rIns="91425" bIns="91425" anchor="t" anchorCtr="0">
            <a:noAutofit/>
          </a:bodyPr>
          <a:lstStyle>
            <a:lvl1pPr lvl="0" rtl="0">
              <a:spcBef>
                <a:spcPts val="0"/>
              </a:spcBef>
              <a:spcAft>
                <a:spcPts val="0"/>
              </a:spcAft>
              <a:buSzPts val="3000"/>
              <a:buNone/>
              <a:defRPr/>
            </a:lvl1pPr>
            <a:lvl2pPr lvl="1" rtl="0">
              <a:spcBef>
                <a:spcPts val="0"/>
              </a:spcBef>
              <a:spcAft>
                <a:spcPts val="0"/>
              </a:spcAft>
              <a:buSzPts val="3000"/>
              <a:buNone/>
              <a:defRPr/>
            </a:lvl2pPr>
            <a:lvl3pPr lvl="2" rtl="0">
              <a:spcBef>
                <a:spcPts val="0"/>
              </a:spcBef>
              <a:spcAft>
                <a:spcPts val="0"/>
              </a:spcAft>
              <a:buSzPts val="3000"/>
              <a:buNone/>
              <a:defRPr/>
            </a:lvl3pPr>
            <a:lvl4pPr lvl="3" rtl="0">
              <a:spcBef>
                <a:spcPts val="0"/>
              </a:spcBef>
              <a:spcAft>
                <a:spcPts val="0"/>
              </a:spcAft>
              <a:buSzPts val="3000"/>
              <a:buNone/>
              <a:defRPr/>
            </a:lvl4pPr>
            <a:lvl5pPr lvl="4" rtl="0">
              <a:spcBef>
                <a:spcPts val="0"/>
              </a:spcBef>
              <a:spcAft>
                <a:spcPts val="0"/>
              </a:spcAft>
              <a:buSzPts val="3000"/>
              <a:buNone/>
              <a:defRPr/>
            </a:lvl5pPr>
            <a:lvl6pPr lvl="5" rtl="0">
              <a:spcBef>
                <a:spcPts val="0"/>
              </a:spcBef>
              <a:spcAft>
                <a:spcPts val="0"/>
              </a:spcAft>
              <a:buSzPts val="3000"/>
              <a:buNone/>
              <a:defRPr/>
            </a:lvl6pPr>
            <a:lvl7pPr lvl="6" rtl="0">
              <a:spcBef>
                <a:spcPts val="0"/>
              </a:spcBef>
              <a:spcAft>
                <a:spcPts val="0"/>
              </a:spcAft>
              <a:buSzPts val="3000"/>
              <a:buNone/>
              <a:defRPr/>
            </a:lvl7pPr>
            <a:lvl8pPr lvl="7" rtl="0">
              <a:spcBef>
                <a:spcPts val="0"/>
              </a:spcBef>
              <a:spcAft>
                <a:spcPts val="0"/>
              </a:spcAft>
              <a:buSzPts val="3000"/>
              <a:buNone/>
              <a:defRPr/>
            </a:lvl8pPr>
            <a:lvl9pPr lvl="8" rtl="0">
              <a:spcBef>
                <a:spcPts val="0"/>
              </a:spcBef>
              <a:spcAft>
                <a:spcPts val="0"/>
              </a:spcAft>
              <a:buSzPts val="3000"/>
              <a:buNone/>
              <a:defRPr/>
            </a:lvl9pPr>
          </a:lstStyle>
          <a:p>
            <a:endParaRPr/>
          </a:p>
        </p:txBody>
      </p:sp>
      <p:sp>
        <p:nvSpPr>
          <p:cNvPr id="88" name="Google Shape;88;p16"/>
          <p:cNvSpPr txBox="1">
            <a:spLocks noGrp="1"/>
          </p:cNvSpPr>
          <p:nvPr>
            <p:ph type="subTitle" idx="1"/>
          </p:nvPr>
        </p:nvSpPr>
        <p:spPr>
          <a:xfrm>
            <a:off x="721950" y="1807051"/>
            <a:ext cx="2448000" cy="11088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89" name="Google Shape;89;p16"/>
          <p:cNvSpPr txBox="1">
            <a:spLocks noGrp="1"/>
          </p:cNvSpPr>
          <p:nvPr>
            <p:ph type="subTitle" idx="2"/>
          </p:nvPr>
        </p:nvSpPr>
        <p:spPr>
          <a:xfrm>
            <a:off x="3346050" y="1807051"/>
            <a:ext cx="2448000" cy="11088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90" name="Google Shape;90;p16"/>
          <p:cNvSpPr txBox="1">
            <a:spLocks noGrp="1"/>
          </p:cNvSpPr>
          <p:nvPr>
            <p:ph type="subTitle" idx="3"/>
          </p:nvPr>
        </p:nvSpPr>
        <p:spPr>
          <a:xfrm>
            <a:off x="723900" y="3498800"/>
            <a:ext cx="2448000" cy="11088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91" name="Google Shape;91;p16"/>
          <p:cNvSpPr txBox="1">
            <a:spLocks noGrp="1"/>
          </p:cNvSpPr>
          <p:nvPr>
            <p:ph type="subTitle" idx="4"/>
          </p:nvPr>
        </p:nvSpPr>
        <p:spPr>
          <a:xfrm>
            <a:off x="3348000" y="3498800"/>
            <a:ext cx="2448000" cy="11082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92" name="Google Shape;92;p16"/>
          <p:cNvSpPr txBox="1">
            <a:spLocks noGrp="1"/>
          </p:cNvSpPr>
          <p:nvPr>
            <p:ph type="subTitle" idx="5"/>
          </p:nvPr>
        </p:nvSpPr>
        <p:spPr>
          <a:xfrm>
            <a:off x="5974050" y="1807051"/>
            <a:ext cx="2448000" cy="11088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93" name="Google Shape;93;p16"/>
          <p:cNvSpPr txBox="1">
            <a:spLocks noGrp="1"/>
          </p:cNvSpPr>
          <p:nvPr>
            <p:ph type="subTitle" idx="6"/>
          </p:nvPr>
        </p:nvSpPr>
        <p:spPr>
          <a:xfrm>
            <a:off x="5976000" y="3498800"/>
            <a:ext cx="2448000" cy="11088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94" name="Google Shape;94;p16"/>
          <p:cNvSpPr txBox="1">
            <a:spLocks noGrp="1"/>
          </p:cNvSpPr>
          <p:nvPr>
            <p:ph type="subTitle" idx="7"/>
          </p:nvPr>
        </p:nvSpPr>
        <p:spPr>
          <a:xfrm>
            <a:off x="721950" y="1421559"/>
            <a:ext cx="2448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95" name="Google Shape;95;p16"/>
          <p:cNvSpPr txBox="1">
            <a:spLocks noGrp="1"/>
          </p:cNvSpPr>
          <p:nvPr>
            <p:ph type="subTitle" idx="8"/>
          </p:nvPr>
        </p:nvSpPr>
        <p:spPr>
          <a:xfrm>
            <a:off x="3346050" y="1421559"/>
            <a:ext cx="2448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96" name="Google Shape;96;p16"/>
          <p:cNvSpPr txBox="1">
            <a:spLocks noGrp="1"/>
          </p:cNvSpPr>
          <p:nvPr>
            <p:ph type="subTitle" idx="9"/>
          </p:nvPr>
        </p:nvSpPr>
        <p:spPr>
          <a:xfrm>
            <a:off x="5974050" y="1421559"/>
            <a:ext cx="2448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97" name="Google Shape;97;p16"/>
          <p:cNvSpPr txBox="1">
            <a:spLocks noGrp="1"/>
          </p:cNvSpPr>
          <p:nvPr>
            <p:ph type="subTitle" idx="13"/>
          </p:nvPr>
        </p:nvSpPr>
        <p:spPr>
          <a:xfrm>
            <a:off x="723900" y="3113300"/>
            <a:ext cx="2448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98" name="Google Shape;98;p16"/>
          <p:cNvSpPr txBox="1">
            <a:spLocks noGrp="1"/>
          </p:cNvSpPr>
          <p:nvPr>
            <p:ph type="subTitle" idx="14"/>
          </p:nvPr>
        </p:nvSpPr>
        <p:spPr>
          <a:xfrm>
            <a:off x="3348000" y="3113300"/>
            <a:ext cx="2448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99" name="Google Shape;99;p16"/>
          <p:cNvSpPr txBox="1">
            <a:spLocks noGrp="1"/>
          </p:cNvSpPr>
          <p:nvPr>
            <p:ph type="subTitle" idx="15"/>
          </p:nvPr>
        </p:nvSpPr>
        <p:spPr>
          <a:xfrm>
            <a:off x="5976000" y="3113300"/>
            <a:ext cx="2448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matchingName="Numbers and text">
  <p:cSld name="CUSTOM_8">
    <p:spTree>
      <p:nvGrpSpPr>
        <p:cNvPr id="1" name="Shape 100"/>
        <p:cNvGrpSpPr/>
        <p:nvPr/>
      </p:nvGrpSpPr>
      <p:grpSpPr>
        <a:xfrm>
          <a:off x="0" y="0"/>
          <a:ext cx="0" cy="0"/>
          <a:chOff x="0" y="0"/>
          <a:chExt cx="0" cy="0"/>
        </a:xfrm>
      </p:grpSpPr>
      <p:sp>
        <p:nvSpPr>
          <p:cNvPr id="101" name="Google Shape;101;p17"/>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 name="Google Shape;102;p17"/>
          <p:cNvSpPr txBox="1">
            <a:spLocks noGrp="1"/>
          </p:cNvSpPr>
          <p:nvPr>
            <p:ph type="title" hasCustomPrompt="1"/>
          </p:nvPr>
        </p:nvSpPr>
        <p:spPr>
          <a:xfrm>
            <a:off x="2916000" y="1948803"/>
            <a:ext cx="3312000" cy="800400"/>
          </a:xfrm>
          <a:prstGeom prst="rect">
            <a:avLst/>
          </a:prstGeom>
          <a:noFill/>
        </p:spPr>
        <p:txBody>
          <a:bodyPr spcFirstLastPara="1" wrap="square" lIns="91425" tIns="91425" rIns="91425" bIns="91425" anchor="b" anchorCtr="0">
            <a:noAutofit/>
          </a:bodyPr>
          <a:lstStyle>
            <a:lvl1pPr lvl="0" rtl="0">
              <a:spcBef>
                <a:spcPts val="0"/>
              </a:spcBef>
              <a:spcAft>
                <a:spcPts val="0"/>
              </a:spcAft>
              <a:buClr>
                <a:schemeClr val="lt1"/>
              </a:buClr>
              <a:buSzPts val="6000"/>
              <a:buNone/>
              <a:defRPr sz="4000"/>
            </a:lvl1pPr>
            <a:lvl2pPr lvl="1" algn="ctr" rtl="0">
              <a:spcBef>
                <a:spcPts val="0"/>
              </a:spcBef>
              <a:spcAft>
                <a:spcPts val="0"/>
              </a:spcAft>
              <a:buClr>
                <a:schemeClr val="lt1"/>
              </a:buClr>
              <a:buSzPts val="6000"/>
              <a:buNone/>
              <a:defRPr sz="6000">
                <a:solidFill>
                  <a:schemeClr val="lt1"/>
                </a:solidFill>
              </a:defRPr>
            </a:lvl2pPr>
            <a:lvl3pPr lvl="2" algn="ctr" rtl="0">
              <a:spcBef>
                <a:spcPts val="0"/>
              </a:spcBef>
              <a:spcAft>
                <a:spcPts val="0"/>
              </a:spcAft>
              <a:buClr>
                <a:schemeClr val="lt1"/>
              </a:buClr>
              <a:buSzPts val="6000"/>
              <a:buNone/>
              <a:defRPr sz="6000">
                <a:solidFill>
                  <a:schemeClr val="lt1"/>
                </a:solidFill>
              </a:defRPr>
            </a:lvl3pPr>
            <a:lvl4pPr lvl="3" algn="ctr" rtl="0">
              <a:spcBef>
                <a:spcPts val="0"/>
              </a:spcBef>
              <a:spcAft>
                <a:spcPts val="0"/>
              </a:spcAft>
              <a:buClr>
                <a:schemeClr val="lt1"/>
              </a:buClr>
              <a:buSzPts val="6000"/>
              <a:buNone/>
              <a:defRPr sz="6000">
                <a:solidFill>
                  <a:schemeClr val="lt1"/>
                </a:solidFill>
              </a:defRPr>
            </a:lvl4pPr>
            <a:lvl5pPr lvl="4" algn="ctr" rtl="0">
              <a:spcBef>
                <a:spcPts val="0"/>
              </a:spcBef>
              <a:spcAft>
                <a:spcPts val="0"/>
              </a:spcAft>
              <a:buClr>
                <a:schemeClr val="lt1"/>
              </a:buClr>
              <a:buSzPts val="6000"/>
              <a:buNone/>
              <a:defRPr sz="6000">
                <a:solidFill>
                  <a:schemeClr val="lt1"/>
                </a:solidFill>
              </a:defRPr>
            </a:lvl5pPr>
            <a:lvl6pPr lvl="5" algn="ctr" rtl="0">
              <a:spcBef>
                <a:spcPts val="0"/>
              </a:spcBef>
              <a:spcAft>
                <a:spcPts val="0"/>
              </a:spcAft>
              <a:buClr>
                <a:schemeClr val="lt1"/>
              </a:buClr>
              <a:buSzPts val="6000"/>
              <a:buNone/>
              <a:defRPr sz="6000">
                <a:solidFill>
                  <a:schemeClr val="lt1"/>
                </a:solidFill>
              </a:defRPr>
            </a:lvl6pPr>
            <a:lvl7pPr lvl="6" algn="ctr" rtl="0">
              <a:spcBef>
                <a:spcPts val="0"/>
              </a:spcBef>
              <a:spcAft>
                <a:spcPts val="0"/>
              </a:spcAft>
              <a:buClr>
                <a:schemeClr val="lt1"/>
              </a:buClr>
              <a:buSzPts val="6000"/>
              <a:buNone/>
              <a:defRPr sz="6000">
                <a:solidFill>
                  <a:schemeClr val="lt1"/>
                </a:solidFill>
              </a:defRPr>
            </a:lvl7pPr>
            <a:lvl8pPr lvl="7" algn="ctr" rtl="0">
              <a:spcBef>
                <a:spcPts val="0"/>
              </a:spcBef>
              <a:spcAft>
                <a:spcPts val="0"/>
              </a:spcAft>
              <a:buClr>
                <a:schemeClr val="lt1"/>
              </a:buClr>
              <a:buSzPts val="6000"/>
              <a:buNone/>
              <a:defRPr sz="6000">
                <a:solidFill>
                  <a:schemeClr val="lt1"/>
                </a:solidFill>
              </a:defRPr>
            </a:lvl8pPr>
            <a:lvl9pPr lvl="8" algn="ctr" rtl="0">
              <a:spcBef>
                <a:spcPts val="0"/>
              </a:spcBef>
              <a:spcAft>
                <a:spcPts val="0"/>
              </a:spcAft>
              <a:buClr>
                <a:schemeClr val="lt1"/>
              </a:buClr>
              <a:buSzPts val="6000"/>
              <a:buNone/>
              <a:defRPr sz="6000">
                <a:solidFill>
                  <a:schemeClr val="lt1"/>
                </a:solidFill>
              </a:defRPr>
            </a:lvl9pPr>
          </a:lstStyle>
          <a:p>
            <a:r>
              <a:t>xx%</a:t>
            </a:r>
          </a:p>
        </p:txBody>
      </p:sp>
      <p:sp>
        <p:nvSpPr>
          <p:cNvPr id="103" name="Google Shape;103;p17"/>
          <p:cNvSpPr txBox="1">
            <a:spLocks noGrp="1"/>
          </p:cNvSpPr>
          <p:nvPr>
            <p:ph type="subTitle" idx="1"/>
          </p:nvPr>
        </p:nvSpPr>
        <p:spPr>
          <a:xfrm>
            <a:off x="2916000" y="2825397"/>
            <a:ext cx="3312000" cy="3693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Clr>
                <a:schemeClr val="dk1"/>
              </a:buClr>
              <a:buSzPts val="1200"/>
              <a:buFont typeface="PT Sans"/>
              <a:buNone/>
              <a:defRPr>
                <a:solidFill>
                  <a:schemeClr val="dk1"/>
                </a:solidFill>
              </a:defRPr>
            </a:lvl1pPr>
            <a:lvl2pPr lvl="1" algn="ctr" rtl="0">
              <a:lnSpc>
                <a:spcPct val="100000"/>
              </a:lnSpc>
              <a:spcBef>
                <a:spcPts val="0"/>
              </a:spcBef>
              <a:spcAft>
                <a:spcPts val="0"/>
              </a:spcAft>
              <a:buClr>
                <a:schemeClr val="dk1"/>
              </a:buClr>
              <a:buSzPts val="1200"/>
              <a:buNone/>
              <a:defRPr>
                <a:solidFill>
                  <a:schemeClr val="dk1"/>
                </a:solidFill>
              </a:defRPr>
            </a:lvl2pPr>
            <a:lvl3pPr lvl="2" algn="ctr" rtl="0">
              <a:lnSpc>
                <a:spcPct val="100000"/>
              </a:lnSpc>
              <a:spcBef>
                <a:spcPts val="0"/>
              </a:spcBef>
              <a:spcAft>
                <a:spcPts val="0"/>
              </a:spcAft>
              <a:buClr>
                <a:schemeClr val="dk1"/>
              </a:buClr>
              <a:buSzPts val="1200"/>
              <a:buNone/>
              <a:defRPr>
                <a:solidFill>
                  <a:schemeClr val="dk1"/>
                </a:solidFill>
              </a:defRPr>
            </a:lvl3pPr>
            <a:lvl4pPr lvl="3"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4pPr>
            <a:lvl5pPr lvl="4"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5pPr>
            <a:lvl6pPr lvl="5"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6pPr>
            <a:lvl7pPr lvl="6"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7pPr>
            <a:lvl8pPr lvl="7"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8pPr>
            <a:lvl9pPr lvl="8"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9pPr>
          </a:lstStyle>
          <a:p>
            <a:endParaRPr/>
          </a:p>
        </p:txBody>
      </p:sp>
      <p:sp>
        <p:nvSpPr>
          <p:cNvPr id="104" name="Google Shape;104;p17"/>
          <p:cNvSpPr txBox="1">
            <a:spLocks noGrp="1"/>
          </p:cNvSpPr>
          <p:nvPr>
            <p:ph type="title" idx="2" hasCustomPrompt="1"/>
          </p:nvPr>
        </p:nvSpPr>
        <p:spPr>
          <a:xfrm>
            <a:off x="720000" y="539510"/>
            <a:ext cx="3312000" cy="800400"/>
          </a:xfrm>
          <a:prstGeom prst="rect">
            <a:avLst/>
          </a:prstGeom>
          <a:noFill/>
        </p:spPr>
        <p:txBody>
          <a:bodyPr spcFirstLastPara="1" wrap="square" lIns="91425" tIns="91425" rIns="91425" bIns="91425" anchor="b" anchorCtr="0">
            <a:noAutofit/>
          </a:bodyPr>
          <a:lstStyle>
            <a:lvl1pPr lvl="0" rtl="0">
              <a:spcBef>
                <a:spcPts val="0"/>
              </a:spcBef>
              <a:spcAft>
                <a:spcPts val="0"/>
              </a:spcAft>
              <a:buClr>
                <a:schemeClr val="lt1"/>
              </a:buClr>
              <a:buSzPts val="6000"/>
              <a:buNone/>
              <a:defRPr sz="4000"/>
            </a:lvl1pPr>
            <a:lvl2pPr lvl="1" algn="ctr" rtl="0">
              <a:spcBef>
                <a:spcPts val="0"/>
              </a:spcBef>
              <a:spcAft>
                <a:spcPts val="0"/>
              </a:spcAft>
              <a:buClr>
                <a:schemeClr val="lt1"/>
              </a:buClr>
              <a:buSzPts val="6000"/>
              <a:buNone/>
              <a:defRPr sz="6000">
                <a:solidFill>
                  <a:schemeClr val="lt1"/>
                </a:solidFill>
              </a:defRPr>
            </a:lvl2pPr>
            <a:lvl3pPr lvl="2" algn="ctr" rtl="0">
              <a:spcBef>
                <a:spcPts val="0"/>
              </a:spcBef>
              <a:spcAft>
                <a:spcPts val="0"/>
              </a:spcAft>
              <a:buClr>
                <a:schemeClr val="lt1"/>
              </a:buClr>
              <a:buSzPts val="6000"/>
              <a:buNone/>
              <a:defRPr sz="6000">
                <a:solidFill>
                  <a:schemeClr val="lt1"/>
                </a:solidFill>
              </a:defRPr>
            </a:lvl3pPr>
            <a:lvl4pPr lvl="3" algn="ctr" rtl="0">
              <a:spcBef>
                <a:spcPts val="0"/>
              </a:spcBef>
              <a:spcAft>
                <a:spcPts val="0"/>
              </a:spcAft>
              <a:buClr>
                <a:schemeClr val="lt1"/>
              </a:buClr>
              <a:buSzPts val="6000"/>
              <a:buNone/>
              <a:defRPr sz="6000">
                <a:solidFill>
                  <a:schemeClr val="lt1"/>
                </a:solidFill>
              </a:defRPr>
            </a:lvl4pPr>
            <a:lvl5pPr lvl="4" algn="ctr" rtl="0">
              <a:spcBef>
                <a:spcPts val="0"/>
              </a:spcBef>
              <a:spcAft>
                <a:spcPts val="0"/>
              </a:spcAft>
              <a:buClr>
                <a:schemeClr val="lt1"/>
              </a:buClr>
              <a:buSzPts val="6000"/>
              <a:buNone/>
              <a:defRPr sz="6000">
                <a:solidFill>
                  <a:schemeClr val="lt1"/>
                </a:solidFill>
              </a:defRPr>
            </a:lvl5pPr>
            <a:lvl6pPr lvl="5" algn="ctr" rtl="0">
              <a:spcBef>
                <a:spcPts val="0"/>
              </a:spcBef>
              <a:spcAft>
                <a:spcPts val="0"/>
              </a:spcAft>
              <a:buClr>
                <a:schemeClr val="lt1"/>
              </a:buClr>
              <a:buSzPts val="6000"/>
              <a:buNone/>
              <a:defRPr sz="6000">
                <a:solidFill>
                  <a:schemeClr val="lt1"/>
                </a:solidFill>
              </a:defRPr>
            </a:lvl6pPr>
            <a:lvl7pPr lvl="6" algn="ctr" rtl="0">
              <a:spcBef>
                <a:spcPts val="0"/>
              </a:spcBef>
              <a:spcAft>
                <a:spcPts val="0"/>
              </a:spcAft>
              <a:buClr>
                <a:schemeClr val="lt1"/>
              </a:buClr>
              <a:buSzPts val="6000"/>
              <a:buNone/>
              <a:defRPr sz="6000">
                <a:solidFill>
                  <a:schemeClr val="lt1"/>
                </a:solidFill>
              </a:defRPr>
            </a:lvl7pPr>
            <a:lvl8pPr lvl="7" algn="ctr" rtl="0">
              <a:spcBef>
                <a:spcPts val="0"/>
              </a:spcBef>
              <a:spcAft>
                <a:spcPts val="0"/>
              </a:spcAft>
              <a:buClr>
                <a:schemeClr val="lt1"/>
              </a:buClr>
              <a:buSzPts val="6000"/>
              <a:buNone/>
              <a:defRPr sz="6000">
                <a:solidFill>
                  <a:schemeClr val="lt1"/>
                </a:solidFill>
              </a:defRPr>
            </a:lvl8pPr>
            <a:lvl9pPr lvl="8" algn="ctr" rtl="0">
              <a:spcBef>
                <a:spcPts val="0"/>
              </a:spcBef>
              <a:spcAft>
                <a:spcPts val="0"/>
              </a:spcAft>
              <a:buClr>
                <a:schemeClr val="lt1"/>
              </a:buClr>
              <a:buSzPts val="6000"/>
              <a:buNone/>
              <a:defRPr sz="6000">
                <a:solidFill>
                  <a:schemeClr val="lt1"/>
                </a:solidFill>
              </a:defRPr>
            </a:lvl9pPr>
          </a:lstStyle>
          <a:p>
            <a:r>
              <a:t>xx%</a:t>
            </a:r>
          </a:p>
        </p:txBody>
      </p:sp>
      <p:sp>
        <p:nvSpPr>
          <p:cNvPr id="105" name="Google Shape;105;p17"/>
          <p:cNvSpPr txBox="1">
            <a:spLocks noGrp="1"/>
          </p:cNvSpPr>
          <p:nvPr>
            <p:ph type="subTitle" idx="3"/>
          </p:nvPr>
        </p:nvSpPr>
        <p:spPr>
          <a:xfrm>
            <a:off x="720000" y="1416098"/>
            <a:ext cx="3312000" cy="3693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Clr>
                <a:schemeClr val="dk1"/>
              </a:buClr>
              <a:buSzPts val="1200"/>
              <a:buFont typeface="PT Sans"/>
              <a:buNone/>
              <a:defRPr>
                <a:solidFill>
                  <a:schemeClr val="dk1"/>
                </a:solidFill>
              </a:defRPr>
            </a:lvl1pPr>
            <a:lvl2pPr lvl="1" algn="ctr" rtl="0">
              <a:lnSpc>
                <a:spcPct val="100000"/>
              </a:lnSpc>
              <a:spcBef>
                <a:spcPts val="0"/>
              </a:spcBef>
              <a:spcAft>
                <a:spcPts val="0"/>
              </a:spcAft>
              <a:buClr>
                <a:schemeClr val="dk1"/>
              </a:buClr>
              <a:buSzPts val="1200"/>
              <a:buNone/>
              <a:defRPr>
                <a:solidFill>
                  <a:schemeClr val="dk1"/>
                </a:solidFill>
              </a:defRPr>
            </a:lvl2pPr>
            <a:lvl3pPr lvl="2" algn="ctr" rtl="0">
              <a:lnSpc>
                <a:spcPct val="100000"/>
              </a:lnSpc>
              <a:spcBef>
                <a:spcPts val="0"/>
              </a:spcBef>
              <a:spcAft>
                <a:spcPts val="0"/>
              </a:spcAft>
              <a:buClr>
                <a:schemeClr val="dk1"/>
              </a:buClr>
              <a:buSzPts val="1200"/>
              <a:buNone/>
              <a:defRPr>
                <a:solidFill>
                  <a:schemeClr val="dk1"/>
                </a:solidFill>
              </a:defRPr>
            </a:lvl3pPr>
            <a:lvl4pPr lvl="3"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4pPr>
            <a:lvl5pPr lvl="4"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5pPr>
            <a:lvl6pPr lvl="5"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6pPr>
            <a:lvl7pPr lvl="6"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7pPr>
            <a:lvl8pPr lvl="7"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8pPr>
            <a:lvl9pPr lvl="8"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9pPr>
          </a:lstStyle>
          <a:p>
            <a:endParaRPr/>
          </a:p>
        </p:txBody>
      </p:sp>
      <p:sp>
        <p:nvSpPr>
          <p:cNvPr id="106" name="Google Shape;106;p17"/>
          <p:cNvSpPr txBox="1">
            <a:spLocks noGrp="1"/>
          </p:cNvSpPr>
          <p:nvPr>
            <p:ph type="title" idx="4" hasCustomPrompt="1"/>
          </p:nvPr>
        </p:nvSpPr>
        <p:spPr>
          <a:xfrm>
            <a:off x="5111988" y="3358096"/>
            <a:ext cx="3312000" cy="800400"/>
          </a:xfrm>
          <a:prstGeom prst="rect">
            <a:avLst/>
          </a:prstGeom>
          <a:noFill/>
        </p:spPr>
        <p:txBody>
          <a:bodyPr spcFirstLastPara="1" wrap="square" lIns="91425" tIns="91425" rIns="91425" bIns="91425" anchor="b" anchorCtr="0">
            <a:noAutofit/>
          </a:bodyPr>
          <a:lstStyle>
            <a:lvl1pPr lvl="0" rtl="0">
              <a:spcBef>
                <a:spcPts val="0"/>
              </a:spcBef>
              <a:spcAft>
                <a:spcPts val="0"/>
              </a:spcAft>
              <a:buClr>
                <a:schemeClr val="lt1"/>
              </a:buClr>
              <a:buSzPts val="6000"/>
              <a:buNone/>
              <a:defRPr sz="4000"/>
            </a:lvl1pPr>
            <a:lvl2pPr lvl="1" algn="ctr" rtl="0">
              <a:spcBef>
                <a:spcPts val="0"/>
              </a:spcBef>
              <a:spcAft>
                <a:spcPts val="0"/>
              </a:spcAft>
              <a:buClr>
                <a:schemeClr val="lt1"/>
              </a:buClr>
              <a:buSzPts val="6000"/>
              <a:buNone/>
              <a:defRPr sz="6000">
                <a:solidFill>
                  <a:schemeClr val="lt1"/>
                </a:solidFill>
              </a:defRPr>
            </a:lvl2pPr>
            <a:lvl3pPr lvl="2" algn="ctr" rtl="0">
              <a:spcBef>
                <a:spcPts val="0"/>
              </a:spcBef>
              <a:spcAft>
                <a:spcPts val="0"/>
              </a:spcAft>
              <a:buClr>
                <a:schemeClr val="lt1"/>
              </a:buClr>
              <a:buSzPts val="6000"/>
              <a:buNone/>
              <a:defRPr sz="6000">
                <a:solidFill>
                  <a:schemeClr val="lt1"/>
                </a:solidFill>
              </a:defRPr>
            </a:lvl3pPr>
            <a:lvl4pPr lvl="3" algn="ctr" rtl="0">
              <a:spcBef>
                <a:spcPts val="0"/>
              </a:spcBef>
              <a:spcAft>
                <a:spcPts val="0"/>
              </a:spcAft>
              <a:buClr>
                <a:schemeClr val="lt1"/>
              </a:buClr>
              <a:buSzPts val="6000"/>
              <a:buNone/>
              <a:defRPr sz="6000">
                <a:solidFill>
                  <a:schemeClr val="lt1"/>
                </a:solidFill>
              </a:defRPr>
            </a:lvl4pPr>
            <a:lvl5pPr lvl="4" algn="ctr" rtl="0">
              <a:spcBef>
                <a:spcPts val="0"/>
              </a:spcBef>
              <a:spcAft>
                <a:spcPts val="0"/>
              </a:spcAft>
              <a:buClr>
                <a:schemeClr val="lt1"/>
              </a:buClr>
              <a:buSzPts val="6000"/>
              <a:buNone/>
              <a:defRPr sz="6000">
                <a:solidFill>
                  <a:schemeClr val="lt1"/>
                </a:solidFill>
              </a:defRPr>
            </a:lvl5pPr>
            <a:lvl6pPr lvl="5" algn="ctr" rtl="0">
              <a:spcBef>
                <a:spcPts val="0"/>
              </a:spcBef>
              <a:spcAft>
                <a:spcPts val="0"/>
              </a:spcAft>
              <a:buClr>
                <a:schemeClr val="lt1"/>
              </a:buClr>
              <a:buSzPts val="6000"/>
              <a:buNone/>
              <a:defRPr sz="6000">
                <a:solidFill>
                  <a:schemeClr val="lt1"/>
                </a:solidFill>
              </a:defRPr>
            </a:lvl6pPr>
            <a:lvl7pPr lvl="6" algn="ctr" rtl="0">
              <a:spcBef>
                <a:spcPts val="0"/>
              </a:spcBef>
              <a:spcAft>
                <a:spcPts val="0"/>
              </a:spcAft>
              <a:buClr>
                <a:schemeClr val="lt1"/>
              </a:buClr>
              <a:buSzPts val="6000"/>
              <a:buNone/>
              <a:defRPr sz="6000">
                <a:solidFill>
                  <a:schemeClr val="lt1"/>
                </a:solidFill>
              </a:defRPr>
            </a:lvl7pPr>
            <a:lvl8pPr lvl="7" algn="ctr" rtl="0">
              <a:spcBef>
                <a:spcPts val="0"/>
              </a:spcBef>
              <a:spcAft>
                <a:spcPts val="0"/>
              </a:spcAft>
              <a:buClr>
                <a:schemeClr val="lt1"/>
              </a:buClr>
              <a:buSzPts val="6000"/>
              <a:buNone/>
              <a:defRPr sz="6000">
                <a:solidFill>
                  <a:schemeClr val="lt1"/>
                </a:solidFill>
              </a:defRPr>
            </a:lvl8pPr>
            <a:lvl9pPr lvl="8" algn="ctr" rtl="0">
              <a:spcBef>
                <a:spcPts val="0"/>
              </a:spcBef>
              <a:spcAft>
                <a:spcPts val="0"/>
              </a:spcAft>
              <a:buClr>
                <a:schemeClr val="lt1"/>
              </a:buClr>
              <a:buSzPts val="6000"/>
              <a:buNone/>
              <a:defRPr sz="6000">
                <a:solidFill>
                  <a:schemeClr val="lt1"/>
                </a:solidFill>
              </a:defRPr>
            </a:lvl9pPr>
          </a:lstStyle>
          <a:p>
            <a:r>
              <a:t>xx%</a:t>
            </a:r>
          </a:p>
        </p:txBody>
      </p:sp>
      <p:sp>
        <p:nvSpPr>
          <p:cNvPr id="107" name="Google Shape;107;p17"/>
          <p:cNvSpPr txBox="1">
            <a:spLocks noGrp="1"/>
          </p:cNvSpPr>
          <p:nvPr>
            <p:ph type="subTitle" idx="5"/>
          </p:nvPr>
        </p:nvSpPr>
        <p:spPr>
          <a:xfrm>
            <a:off x="5111988" y="4234690"/>
            <a:ext cx="3312000" cy="3693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Clr>
                <a:schemeClr val="dk1"/>
              </a:buClr>
              <a:buSzPts val="1200"/>
              <a:buFont typeface="PT Sans"/>
              <a:buNone/>
              <a:defRPr>
                <a:solidFill>
                  <a:schemeClr val="dk1"/>
                </a:solidFill>
              </a:defRPr>
            </a:lvl1pPr>
            <a:lvl2pPr lvl="1" algn="ctr" rtl="0">
              <a:lnSpc>
                <a:spcPct val="100000"/>
              </a:lnSpc>
              <a:spcBef>
                <a:spcPts val="0"/>
              </a:spcBef>
              <a:spcAft>
                <a:spcPts val="0"/>
              </a:spcAft>
              <a:buClr>
                <a:schemeClr val="dk1"/>
              </a:buClr>
              <a:buSzPts val="1200"/>
              <a:buNone/>
              <a:defRPr>
                <a:solidFill>
                  <a:schemeClr val="dk1"/>
                </a:solidFill>
              </a:defRPr>
            </a:lvl2pPr>
            <a:lvl3pPr lvl="2" algn="ctr" rtl="0">
              <a:lnSpc>
                <a:spcPct val="100000"/>
              </a:lnSpc>
              <a:spcBef>
                <a:spcPts val="0"/>
              </a:spcBef>
              <a:spcAft>
                <a:spcPts val="0"/>
              </a:spcAft>
              <a:buClr>
                <a:schemeClr val="dk1"/>
              </a:buClr>
              <a:buSzPts val="1200"/>
              <a:buNone/>
              <a:defRPr>
                <a:solidFill>
                  <a:schemeClr val="dk1"/>
                </a:solidFill>
              </a:defRPr>
            </a:lvl3pPr>
            <a:lvl4pPr lvl="3"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4pPr>
            <a:lvl5pPr lvl="4"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5pPr>
            <a:lvl6pPr lvl="5"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6pPr>
            <a:lvl7pPr lvl="6"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7pPr>
            <a:lvl8pPr lvl="7"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8pPr>
            <a:lvl9pPr lvl="8" algn="ctr" rtl="0">
              <a:lnSpc>
                <a:spcPct val="100000"/>
              </a:lnSpc>
              <a:spcBef>
                <a:spcPts val="0"/>
              </a:spcBef>
              <a:spcAft>
                <a:spcPts val="0"/>
              </a:spcAft>
              <a:buClr>
                <a:schemeClr val="dk1"/>
              </a:buClr>
              <a:buSzPts val="1200"/>
              <a:buFont typeface="PT Sans"/>
              <a:buNone/>
              <a:defRPr>
                <a:solidFill>
                  <a:schemeClr val="dk1"/>
                </a:solidFill>
                <a:latin typeface="PT Sans"/>
                <a:ea typeface="PT Sans"/>
                <a:cs typeface="PT Sans"/>
                <a:sym typeface="PT Sans"/>
              </a:defRPr>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matchingName="Background">
  <p:cSld name="CUSTOM_9">
    <p:spTree>
      <p:nvGrpSpPr>
        <p:cNvPr id="1" name="Shape 113"/>
        <p:cNvGrpSpPr/>
        <p:nvPr/>
      </p:nvGrpSpPr>
      <p:grpSpPr>
        <a:xfrm>
          <a:off x="0" y="0"/>
          <a:ext cx="0" cy="0"/>
          <a:chOff x="0" y="0"/>
          <a:chExt cx="0" cy="0"/>
        </a:xfrm>
      </p:grpSpPr>
      <p:sp>
        <p:nvSpPr>
          <p:cNvPr id="114" name="Google Shape;114;p19"/>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15" name="Google Shape;115;p19"/>
          <p:cNvGrpSpPr/>
          <p:nvPr/>
        </p:nvGrpSpPr>
        <p:grpSpPr>
          <a:xfrm flipH="1">
            <a:off x="125921" y="3963391"/>
            <a:ext cx="1015287" cy="1054702"/>
            <a:chOff x="3495516" y="2764548"/>
            <a:chExt cx="586159" cy="608915"/>
          </a:xfrm>
        </p:grpSpPr>
        <p:sp>
          <p:nvSpPr>
            <p:cNvPr id="116" name="Google Shape;116;p19"/>
            <p:cNvSpPr/>
            <p:nvPr/>
          </p:nvSpPr>
          <p:spPr>
            <a:xfrm>
              <a:off x="3495516" y="2787249"/>
              <a:ext cx="586159" cy="586214"/>
            </a:xfrm>
            <a:custGeom>
              <a:avLst/>
              <a:gdLst/>
              <a:ahLst/>
              <a:cxnLst/>
              <a:rect l="l" t="t" r="r" b="b"/>
              <a:pathLst>
                <a:path w="10690" h="10691" extrusionOk="0">
                  <a:moveTo>
                    <a:pt x="1" y="0"/>
                  </a:moveTo>
                  <a:lnTo>
                    <a:pt x="1" y="10691"/>
                  </a:lnTo>
                  <a:lnTo>
                    <a:pt x="10690" y="10691"/>
                  </a:lnTo>
                  <a:lnTo>
                    <a:pt x="10690"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7" name="Google Shape;117;p19"/>
            <p:cNvSpPr/>
            <p:nvPr/>
          </p:nvSpPr>
          <p:spPr>
            <a:xfrm>
              <a:off x="3591144" y="3159068"/>
              <a:ext cx="43482" cy="96560"/>
            </a:xfrm>
            <a:custGeom>
              <a:avLst/>
              <a:gdLst/>
              <a:ahLst/>
              <a:cxnLst/>
              <a:rect l="l" t="t" r="r" b="b"/>
              <a:pathLst>
                <a:path w="793" h="1761" extrusionOk="0">
                  <a:moveTo>
                    <a:pt x="0" y="0"/>
                  </a:moveTo>
                  <a:lnTo>
                    <a:pt x="0" y="1761"/>
                  </a:lnTo>
                  <a:lnTo>
                    <a:pt x="792" y="1761"/>
                  </a:lnTo>
                  <a:lnTo>
                    <a:pt x="792"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8" name="Google Shape;118;p19"/>
            <p:cNvSpPr/>
            <p:nvPr/>
          </p:nvSpPr>
          <p:spPr>
            <a:xfrm>
              <a:off x="3874189" y="3222728"/>
              <a:ext cx="177767" cy="13873"/>
            </a:xfrm>
            <a:custGeom>
              <a:avLst/>
              <a:gdLst/>
              <a:ahLst/>
              <a:cxnLst/>
              <a:rect l="l" t="t" r="r" b="b"/>
              <a:pathLst>
                <a:path w="3242" h="253" extrusionOk="0">
                  <a:moveTo>
                    <a:pt x="1" y="0"/>
                  </a:moveTo>
                  <a:lnTo>
                    <a:pt x="1" y="252"/>
                  </a:lnTo>
                  <a:lnTo>
                    <a:pt x="3241" y="252"/>
                  </a:lnTo>
                  <a:lnTo>
                    <a:pt x="3241"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 name="Google Shape;119;p19"/>
            <p:cNvSpPr/>
            <p:nvPr/>
          </p:nvSpPr>
          <p:spPr>
            <a:xfrm>
              <a:off x="3874189" y="3255573"/>
              <a:ext cx="177767" cy="13873"/>
            </a:xfrm>
            <a:custGeom>
              <a:avLst/>
              <a:gdLst/>
              <a:ahLst/>
              <a:cxnLst/>
              <a:rect l="l" t="t" r="r" b="b"/>
              <a:pathLst>
                <a:path w="3242" h="253" extrusionOk="0">
                  <a:moveTo>
                    <a:pt x="1" y="1"/>
                  </a:moveTo>
                  <a:lnTo>
                    <a:pt x="1" y="253"/>
                  </a:lnTo>
                  <a:lnTo>
                    <a:pt x="3241" y="253"/>
                  </a:lnTo>
                  <a:lnTo>
                    <a:pt x="3241"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0" name="Google Shape;120;p19"/>
            <p:cNvSpPr/>
            <p:nvPr/>
          </p:nvSpPr>
          <p:spPr>
            <a:xfrm>
              <a:off x="3874189" y="3288527"/>
              <a:ext cx="177767" cy="13818"/>
            </a:xfrm>
            <a:custGeom>
              <a:avLst/>
              <a:gdLst/>
              <a:ahLst/>
              <a:cxnLst/>
              <a:rect l="l" t="t" r="r" b="b"/>
              <a:pathLst>
                <a:path w="3242" h="252" extrusionOk="0">
                  <a:moveTo>
                    <a:pt x="1" y="0"/>
                  </a:moveTo>
                  <a:lnTo>
                    <a:pt x="1" y="251"/>
                  </a:lnTo>
                  <a:lnTo>
                    <a:pt x="3241" y="251"/>
                  </a:lnTo>
                  <a:lnTo>
                    <a:pt x="3241"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1" name="Google Shape;121;p19"/>
            <p:cNvSpPr/>
            <p:nvPr/>
          </p:nvSpPr>
          <p:spPr>
            <a:xfrm>
              <a:off x="3974971" y="3321372"/>
              <a:ext cx="76985" cy="13927"/>
            </a:xfrm>
            <a:custGeom>
              <a:avLst/>
              <a:gdLst/>
              <a:ahLst/>
              <a:cxnLst/>
              <a:rect l="l" t="t" r="r" b="b"/>
              <a:pathLst>
                <a:path w="1404" h="254" extrusionOk="0">
                  <a:moveTo>
                    <a:pt x="0" y="1"/>
                  </a:moveTo>
                  <a:lnTo>
                    <a:pt x="0" y="253"/>
                  </a:lnTo>
                  <a:lnTo>
                    <a:pt x="1403" y="253"/>
                  </a:lnTo>
                  <a:lnTo>
                    <a:pt x="1403"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2" name="Google Shape;122;p19"/>
            <p:cNvSpPr/>
            <p:nvPr/>
          </p:nvSpPr>
          <p:spPr>
            <a:xfrm>
              <a:off x="3659410" y="3286170"/>
              <a:ext cx="49075" cy="49130"/>
            </a:xfrm>
            <a:custGeom>
              <a:avLst/>
              <a:gdLst/>
              <a:ahLst/>
              <a:cxnLst/>
              <a:rect l="l" t="t" r="r" b="b"/>
              <a:pathLst>
                <a:path w="895" h="896" extrusionOk="0">
                  <a:moveTo>
                    <a:pt x="1" y="1"/>
                  </a:moveTo>
                  <a:lnTo>
                    <a:pt x="1" y="895"/>
                  </a:lnTo>
                  <a:lnTo>
                    <a:pt x="894" y="895"/>
                  </a:lnTo>
                  <a:lnTo>
                    <a:pt x="89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 name="Google Shape;123;p19"/>
            <p:cNvSpPr/>
            <p:nvPr/>
          </p:nvSpPr>
          <p:spPr>
            <a:xfrm>
              <a:off x="3731241" y="3286170"/>
              <a:ext cx="49020" cy="49130"/>
            </a:xfrm>
            <a:custGeom>
              <a:avLst/>
              <a:gdLst/>
              <a:ahLst/>
              <a:cxnLst/>
              <a:rect l="l" t="t" r="r" b="b"/>
              <a:pathLst>
                <a:path w="894" h="896" extrusionOk="0">
                  <a:moveTo>
                    <a:pt x="1" y="1"/>
                  </a:moveTo>
                  <a:lnTo>
                    <a:pt x="1" y="895"/>
                  </a:lnTo>
                  <a:lnTo>
                    <a:pt x="894" y="895"/>
                  </a:lnTo>
                  <a:lnTo>
                    <a:pt x="89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4" name="Google Shape;124;p19"/>
            <p:cNvSpPr/>
            <p:nvPr/>
          </p:nvSpPr>
          <p:spPr>
            <a:xfrm>
              <a:off x="3588347" y="3286170"/>
              <a:ext cx="49020" cy="49130"/>
            </a:xfrm>
            <a:custGeom>
              <a:avLst/>
              <a:gdLst/>
              <a:ahLst/>
              <a:cxnLst/>
              <a:rect l="l" t="t" r="r" b="b"/>
              <a:pathLst>
                <a:path w="894" h="896" extrusionOk="0">
                  <a:moveTo>
                    <a:pt x="1" y="1"/>
                  </a:moveTo>
                  <a:lnTo>
                    <a:pt x="1" y="895"/>
                  </a:lnTo>
                  <a:lnTo>
                    <a:pt x="894" y="895"/>
                  </a:lnTo>
                  <a:lnTo>
                    <a:pt x="89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5" name="Google Shape;125;p19"/>
            <p:cNvSpPr/>
            <p:nvPr/>
          </p:nvSpPr>
          <p:spPr>
            <a:xfrm>
              <a:off x="3517284" y="3286170"/>
              <a:ext cx="49075" cy="49130"/>
            </a:xfrm>
            <a:custGeom>
              <a:avLst/>
              <a:gdLst/>
              <a:ahLst/>
              <a:cxnLst/>
              <a:rect l="l" t="t" r="r" b="b"/>
              <a:pathLst>
                <a:path w="895" h="896" extrusionOk="0">
                  <a:moveTo>
                    <a:pt x="0" y="1"/>
                  </a:moveTo>
                  <a:lnTo>
                    <a:pt x="0" y="895"/>
                  </a:lnTo>
                  <a:lnTo>
                    <a:pt x="895" y="895"/>
                  </a:lnTo>
                  <a:lnTo>
                    <a:pt x="89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6" name="Google Shape;126;p19"/>
            <p:cNvSpPr/>
            <p:nvPr/>
          </p:nvSpPr>
          <p:spPr>
            <a:xfrm>
              <a:off x="3535818" y="2827112"/>
              <a:ext cx="144484" cy="43592"/>
            </a:xfrm>
            <a:custGeom>
              <a:avLst/>
              <a:gdLst/>
              <a:ahLst/>
              <a:cxnLst/>
              <a:rect l="l" t="t" r="r" b="b"/>
              <a:pathLst>
                <a:path w="2635" h="795" extrusionOk="0">
                  <a:moveTo>
                    <a:pt x="0" y="0"/>
                  </a:moveTo>
                  <a:lnTo>
                    <a:pt x="0" y="795"/>
                  </a:lnTo>
                  <a:lnTo>
                    <a:pt x="2634" y="795"/>
                  </a:lnTo>
                  <a:lnTo>
                    <a:pt x="263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7" name="Google Shape;127;p19"/>
            <p:cNvSpPr/>
            <p:nvPr/>
          </p:nvSpPr>
          <p:spPr>
            <a:xfrm>
              <a:off x="3495516" y="2764548"/>
              <a:ext cx="586159" cy="11844"/>
            </a:xfrm>
            <a:custGeom>
              <a:avLst/>
              <a:gdLst/>
              <a:ahLst/>
              <a:cxnLst/>
              <a:rect l="l" t="t" r="r" b="b"/>
              <a:pathLst>
                <a:path w="10690" h="216" extrusionOk="0">
                  <a:moveTo>
                    <a:pt x="1" y="1"/>
                  </a:moveTo>
                  <a:lnTo>
                    <a:pt x="1" y="216"/>
                  </a:lnTo>
                  <a:lnTo>
                    <a:pt x="10690" y="216"/>
                  </a:lnTo>
                  <a:lnTo>
                    <a:pt x="10690"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8" name="Google Shape;128;p19"/>
            <p:cNvSpPr/>
            <p:nvPr/>
          </p:nvSpPr>
          <p:spPr>
            <a:xfrm>
              <a:off x="3752680" y="2764548"/>
              <a:ext cx="71885" cy="269337"/>
            </a:xfrm>
            <a:custGeom>
              <a:avLst/>
              <a:gdLst/>
              <a:ahLst/>
              <a:cxnLst/>
              <a:rect l="l" t="t" r="r" b="b"/>
              <a:pathLst>
                <a:path w="1311" h="4912" extrusionOk="0">
                  <a:moveTo>
                    <a:pt x="0" y="1"/>
                  </a:moveTo>
                  <a:lnTo>
                    <a:pt x="0" y="4912"/>
                  </a:lnTo>
                  <a:lnTo>
                    <a:pt x="1310" y="4912"/>
                  </a:lnTo>
                  <a:lnTo>
                    <a:pt x="1310"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29" name="Google Shape;129;p19"/>
          <p:cNvGrpSpPr/>
          <p:nvPr/>
        </p:nvGrpSpPr>
        <p:grpSpPr>
          <a:xfrm>
            <a:off x="7668027" y="-191663"/>
            <a:ext cx="1090458" cy="1633820"/>
            <a:chOff x="4916502" y="2148187"/>
            <a:chExt cx="1090458" cy="1633820"/>
          </a:xfrm>
        </p:grpSpPr>
        <p:sp>
          <p:nvSpPr>
            <p:cNvPr id="130" name="Google Shape;130;p19"/>
            <p:cNvSpPr/>
            <p:nvPr/>
          </p:nvSpPr>
          <p:spPr>
            <a:xfrm flipH="1">
              <a:off x="4942457" y="3509954"/>
              <a:ext cx="228000" cy="225441"/>
            </a:xfrm>
            <a:custGeom>
              <a:avLst/>
              <a:gdLst/>
              <a:ahLst/>
              <a:cxnLst/>
              <a:rect l="l" t="t" r="r" b="b"/>
              <a:pathLst>
                <a:path w="3461" h="3313" extrusionOk="0">
                  <a:moveTo>
                    <a:pt x="2696" y="0"/>
                  </a:moveTo>
                  <a:cubicBezTo>
                    <a:pt x="2514" y="0"/>
                    <a:pt x="2333" y="68"/>
                    <a:pt x="2192" y="204"/>
                  </a:cubicBezTo>
                  <a:cubicBezTo>
                    <a:pt x="2072" y="320"/>
                    <a:pt x="2002" y="468"/>
                    <a:pt x="1980" y="622"/>
                  </a:cubicBezTo>
                  <a:cubicBezTo>
                    <a:pt x="1961" y="773"/>
                    <a:pt x="1876" y="908"/>
                    <a:pt x="1766" y="1014"/>
                  </a:cubicBezTo>
                  <a:lnTo>
                    <a:pt x="1087" y="1669"/>
                  </a:lnTo>
                  <a:cubicBezTo>
                    <a:pt x="978" y="1776"/>
                    <a:pt x="839" y="1855"/>
                    <a:pt x="688" y="1871"/>
                  </a:cubicBezTo>
                  <a:cubicBezTo>
                    <a:pt x="482" y="1892"/>
                    <a:pt x="286" y="1998"/>
                    <a:pt x="155" y="2197"/>
                  </a:cubicBezTo>
                  <a:cubicBezTo>
                    <a:pt x="7" y="2423"/>
                    <a:pt x="1" y="2725"/>
                    <a:pt x="140" y="2956"/>
                  </a:cubicBezTo>
                  <a:cubicBezTo>
                    <a:pt x="284" y="3193"/>
                    <a:pt x="524" y="3313"/>
                    <a:pt x="765" y="3313"/>
                  </a:cubicBezTo>
                  <a:cubicBezTo>
                    <a:pt x="946" y="3313"/>
                    <a:pt x="1127" y="3245"/>
                    <a:pt x="1268" y="3109"/>
                  </a:cubicBezTo>
                  <a:cubicBezTo>
                    <a:pt x="1389" y="2993"/>
                    <a:pt x="1459" y="2845"/>
                    <a:pt x="1480" y="2691"/>
                  </a:cubicBezTo>
                  <a:cubicBezTo>
                    <a:pt x="1501" y="2540"/>
                    <a:pt x="1585" y="2405"/>
                    <a:pt x="1695" y="2300"/>
                  </a:cubicBezTo>
                  <a:lnTo>
                    <a:pt x="2374" y="1644"/>
                  </a:lnTo>
                  <a:cubicBezTo>
                    <a:pt x="2484" y="1537"/>
                    <a:pt x="2621" y="1458"/>
                    <a:pt x="2773" y="1442"/>
                  </a:cubicBezTo>
                  <a:cubicBezTo>
                    <a:pt x="2978" y="1421"/>
                    <a:pt x="3175" y="1315"/>
                    <a:pt x="3305" y="1116"/>
                  </a:cubicBezTo>
                  <a:cubicBezTo>
                    <a:pt x="3453" y="890"/>
                    <a:pt x="3460" y="588"/>
                    <a:pt x="3321" y="357"/>
                  </a:cubicBezTo>
                  <a:cubicBezTo>
                    <a:pt x="3177" y="120"/>
                    <a:pt x="2936" y="0"/>
                    <a:pt x="2696"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1" name="Google Shape;131;p19"/>
            <p:cNvSpPr/>
            <p:nvPr/>
          </p:nvSpPr>
          <p:spPr>
            <a:xfrm flipH="1">
              <a:off x="4942457" y="3509954"/>
              <a:ext cx="122465" cy="123506"/>
            </a:xfrm>
            <a:custGeom>
              <a:avLst/>
              <a:gdLst/>
              <a:ahLst/>
              <a:cxnLst/>
              <a:rect l="l" t="t" r="r" b="b"/>
              <a:pathLst>
                <a:path w="1859" h="1815" extrusionOk="0">
                  <a:moveTo>
                    <a:pt x="1093" y="0"/>
                  </a:moveTo>
                  <a:cubicBezTo>
                    <a:pt x="912" y="0"/>
                    <a:pt x="731" y="68"/>
                    <a:pt x="590" y="204"/>
                  </a:cubicBezTo>
                  <a:cubicBezTo>
                    <a:pt x="470" y="320"/>
                    <a:pt x="400" y="468"/>
                    <a:pt x="378" y="622"/>
                  </a:cubicBezTo>
                  <a:cubicBezTo>
                    <a:pt x="359" y="773"/>
                    <a:pt x="274" y="908"/>
                    <a:pt x="164" y="1014"/>
                  </a:cubicBezTo>
                  <a:lnTo>
                    <a:pt x="1" y="1171"/>
                  </a:lnTo>
                  <a:cubicBezTo>
                    <a:pt x="110" y="1454"/>
                    <a:pt x="323" y="1683"/>
                    <a:pt x="595" y="1814"/>
                  </a:cubicBezTo>
                  <a:lnTo>
                    <a:pt x="772" y="1644"/>
                  </a:lnTo>
                  <a:cubicBezTo>
                    <a:pt x="882" y="1538"/>
                    <a:pt x="1019" y="1458"/>
                    <a:pt x="1171" y="1443"/>
                  </a:cubicBezTo>
                  <a:cubicBezTo>
                    <a:pt x="1376" y="1421"/>
                    <a:pt x="1573" y="1315"/>
                    <a:pt x="1703" y="1116"/>
                  </a:cubicBezTo>
                  <a:cubicBezTo>
                    <a:pt x="1851" y="890"/>
                    <a:pt x="1858" y="588"/>
                    <a:pt x="1719" y="358"/>
                  </a:cubicBezTo>
                  <a:cubicBezTo>
                    <a:pt x="1575" y="120"/>
                    <a:pt x="1334" y="0"/>
                    <a:pt x="1093"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2" name="Google Shape;132;p19"/>
            <p:cNvSpPr/>
            <p:nvPr/>
          </p:nvSpPr>
          <p:spPr>
            <a:xfrm flipH="1">
              <a:off x="4916502" y="3170261"/>
              <a:ext cx="290385" cy="457279"/>
            </a:xfrm>
            <a:custGeom>
              <a:avLst/>
              <a:gdLst/>
              <a:ahLst/>
              <a:cxnLst/>
              <a:rect l="l" t="t" r="r" b="b"/>
              <a:pathLst>
                <a:path w="4408" h="6720" extrusionOk="0">
                  <a:moveTo>
                    <a:pt x="1147" y="0"/>
                  </a:moveTo>
                  <a:cubicBezTo>
                    <a:pt x="1087" y="0"/>
                    <a:pt x="1027" y="6"/>
                    <a:pt x="967" y="18"/>
                  </a:cubicBezTo>
                  <a:cubicBezTo>
                    <a:pt x="323" y="145"/>
                    <a:pt x="1" y="818"/>
                    <a:pt x="251" y="1380"/>
                  </a:cubicBezTo>
                  <a:cubicBezTo>
                    <a:pt x="343" y="1587"/>
                    <a:pt x="499" y="1744"/>
                    <a:pt x="685" y="1842"/>
                  </a:cubicBezTo>
                  <a:cubicBezTo>
                    <a:pt x="867" y="1939"/>
                    <a:pt x="999" y="2108"/>
                    <a:pt x="1083" y="2296"/>
                  </a:cubicBezTo>
                  <a:lnTo>
                    <a:pt x="2244" y="4904"/>
                  </a:lnTo>
                  <a:cubicBezTo>
                    <a:pt x="2327" y="5092"/>
                    <a:pt x="2366" y="5304"/>
                    <a:pt x="2315" y="5505"/>
                  </a:cubicBezTo>
                  <a:cubicBezTo>
                    <a:pt x="2247" y="5773"/>
                    <a:pt x="2291" y="6074"/>
                    <a:pt x="2484" y="6332"/>
                  </a:cubicBezTo>
                  <a:cubicBezTo>
                    <a:pt x="2665" y="6575"/>
                    <a:pt x="2960" y="6719"/>
                    <a:pt x="3260" y="6719"/>
                  </a:cubicBezTo>
                  <a:cubicBezTo>
                    <a:pt x="3320" y="6719"/>
                    <a:pt x="3381" y="6714"/>
                    <a:pt x="3441" y="6702"/>
                  </a:cubicBezTo>
                  <a:cubicBezTo>
                    <a:pt x="4085" y="6575"/>
                    <a:pt x="4407" y="5902"/>
                    <a:pt x="4157" y="5339"/>
                  </a:cubicBezTo>
                  <a:cubicBezTo>
                    <a:pt x="4065" y="5133"/>
                    <a:pt x="3909" y="4975"/>
                    <a:pt x="3723" y="4877"/>
                  </a:cubicBezTo>
                  <a:cubicBezTo>
                    <a:pt x="3541" y="4781"/>
                    <a:pt x="3409" y="4612"/>
                    <a:pt x="3325" y="4423"/>
                  </a:cubicBezTo>
                  <a:lnTo>
                    <a:pt x="2164" y="1816"/>
                  </a:lnTo>
                  <a:cubicBezTo>
                    <a:pt x="2080" y="1627"/>
                    <a:pt x="2042" y="1415"/>
                    <a:pt x="2093" y="1215"/>
                  </a:cubicBezTo>
                  <a:cubicBezTo>
                    <a:pt x="2161" y="945"/>
                    <a:pt x="2117" y="645"/>
                    <a:pt x="1924" y="388"/>
                  </a:cubicBezTo>
                  <a:cubicBezTo>
                    <a:pt x="1743" y="144"/>
                    <a:pt x="1448" y="0"/>
                    <a:pt x="1147"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3" name="Google Shape;133;p19"/>
            <p:cNvSpPr/>
            <p:nvPr/>
          </p:nvSpPr>
          <p:spPr>
            <a:xfrm flipH="1">
              <a:off x="5058137" y="3170261"/>
              <a:ext cx="148750" cy="170663"/>
            </a:xfrm>
            <a:custGeom>
              <a:avLst/>
              <a:gdLst/>
              <a:ahLst/>
              <a:cxnLst/>
              <a:rect l="l" t="t" r="r" b="b"/>
              <a:pathLst>
                <a:path w="2258" h="2508" extrusionOk="0">
                  <a:moveTo>
                    <a:pt x="1147" y="0"/>
                  </a:moveTo>
                  <a:cubicBezTo>
                    <a:pt x="1087" y="0"/>
                    <a:pt x="1027" y="6"/>
                    <a:pt x="967" y="18"/>
                  </a:cubicBezTo>
                  <a:cubicBezTo>
                    <a:pt x="323" y="145"/>
                    <a:pt x="1" y="818"/>
                    <a:pt x="251" y="1380"/>
                  </a:cubicBezTo>
                  <a:cubicBezTo>
                    <a:pt x="343" y="1587"/>
                    <a:pt x="499" y="1744"/>
                    <a:pt x="685" y="1842"/>
                  </a:cubicBezTo>
                  <a:cubicBezTo>
                    <a:pt x="867" y="1939"/>
                    <a:pt x="999" y="2108"/>
                    <a:pt x="1083" y="2296"/>
                  </a:cubicBezTo>
                  <a:lnTo>
                    <a:pt x="1176" y="2506"/>
                  </a:lnTo>
                  <a:cubicBezTo>
                    <a:pt x="1180" y="2506"/>
                    <a:pt x="1184" y="2506"/>
                    <a:pt x="1188" y="2506"/>
                  </a:cubicBezTo>
                  <a:cubicBezTo>
                    <a:pt x="1213" y="2506"/>
                    <a:pt x="1236" y="2507"/>
                    <a:pt x="1260" y="2507"/>
                  </a:cubicBezTo>
                  <a:cubicBezTo>
                    <a:pt x="1275" y="2507"/>
                    <a:pt x="1290" y="2507"/>
                    <a:pt x="1305" y="2505"/>
                  </a:cubicBezTo>
                  <a:cubicBezTo>
                    <a:pt x="1687" y="2466"/>
                    <a:pt x="2014" y="2285"/>
                    <a:pt x="2257" y="2025"/>
                  </a:cubicBezTo>
                  <a:lnTo>
                    <a:pt x="2164" y="1816"/>
                  </a:lnTo>
                  <a:cubicBezTo>
                    <a:pt x="2080" y="1627"/>
                    <a:pt x="2042" y="1415"/>
                    <a:pt x="2093" y="1215"/>
                  </a:cubicBezTo>
                  <a:cubicBezTo>
                    <a:pt x="2161" y="945"/>
                    <a:pt x="2117" y="645"/>
                    <a:pt x="1924" y="388"/>
                  </a:cubicBezTo>
                  <a:cubicBezTo>
                    <a:pt x="1743" y="144"/>
                    <a:pt x="1448" y="0"/>
                    <a:pt x="1147"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4" name="Google Shape;134;p19"/>
            <p:cNvSpPr/>
            <p:nvPr/>
          </p:nvSpPr>
          <p:spPr>
            <a:xfrm flipH="1">
              <a:off x="4952668" y="3522066"/>
              <a:ext cx="78591" cy="77234"/>
            </a:xfrm>
            <a:custGeom>
              <a:avLst/>
              <a:gdLst/>
              <a:ahLst/>
              <a:cxnLst/>
              <a:rect l="l" t="t" r="r" b="b"/>
              <a:pathLst>
                <a:path w="1193" h="1135" extrusionOk="0">
                  <a:moveTo>
                    <a:pt x="596" y="1"/>
                  </a:moveTo>
                  <a:cubicBezTo>
                    <a:pt x="576" y="1"/>
                    <a:pt x="557" y="2"/>
                    <a:pt x="537" y="4"/>
                  </a:cubicBezTo>
                  <a:cubicBezTo>
                    <a:pt x="226" y="37"/>
                    <a:pt x="1" y="316"/>
                    <a:pt x="33" y="627"/>
                  </a:cubicBezTo>
                  <a:cubicBezTo>
                    <a:pt x="64" y="919"/>
                    <a:pt x="310" y="1135"/>
                    <a:pt x="597" y="1135"/>
                  </a:cubicBezTo>
                  <a:cubicBezTo>
                    <a:pt x="616" y="1135"/>
                    <a:pt x="636" y="1134"/>
                    <a:pt x="656" y="1132"/>
                  </a:cubicBezTo>
                  <a:cubicBezTo>
                    <a:pt x="967" y="1099"/>
                    <a:pt x="1192" y="820"/>
                    <a:pt x="1160" y="508"/>
                  </a:cubicBezTo>
                  <a:cubicBezTo>
                    <a:pt x="1129" y="217"/>
                    <a:pt x="883" y="1"/>
                    <a:pt x="596"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 name="Google Shape;135;p19"/>
            <p:cNvSpPr/>
            <p:nvPr/>
          </p:nvSpPr>
          <p:spPr>
            <a:xfrm flipH="1">
              <a:off x="5023025" y="2847920"/>
              <a:ext cx="527146" cy="476673"/>
            </a:xfrm>
            <a:custGeom>
              <a:avLst/>
              <a:gdLst/>
              <a:ahLst/>
              <a:cxnLst/>
              <a:rect l="l" t="t" r="r" b="b"/>
              <a:pathLst>
                <a:path w="8002" h="7005" extrusionOk="0">
                  <a:moveTo>
                    <a:pt x="1442" y="1"/>
                  </a:moveTo>
                  <a:cubicBezTo>
                    <a:pt x="1180" y="1"/>
                    <a:pt x="918" y="81"/>
                    <a:pt x="702" y="239"/>
                  </a:cubicBezTo>
                  <a:cubicBezTo>
                    <a:pt x="12" y="743"/>
                    <a:pt x="1" y="1715"/>
                    <a:pt x="607" y="2241"/>
                  </a:cubicBezTo>
                  <a:cubicBezTo>
                    <a:pt x="829" y="2434"/>
                    <a:pt x="1100" y="2535"/>
                    <a:pt x="1373" y="2548"/>
                  </a:cubicBezTo>
                  <a:cubicBezTo>
                    <a:pt x="1640" y="2560"/>
                    <a:pt x="1889" y="2688"/>
                    <a:pt x="2092" y="2863"/>
                  </a:cubicBezTo>
                  <a:lnTo>
                    <a:pt x="4898" y="5304"/>
                  </a:lnTo>
                  <a:cubicBezTo>
                    <a:pt x="5101" y="5480"/>
                    <a:pt x="5262" y="5709"/>
                    <a:pt x="5313" y="5973"/>
                  </a:cubicBezTo>
                  <a:cubicBezTo>
                    <a:pt x="5380" y="6328"/>
                    <a:pt x="5598" y="6658"/>
                    <a:pt x="5967" y="6856"/>
                  </a:cubicBezTo>
                  <a:cubicBezTo>
                    <a:pt x="6151" y="6955"/>
                    <a:pt x="6356" y="7004"/>
                    <a:pt x="6561" y="7004"/>
                  </a:cubicBezTo>
                  <a:cubicBezTo>
                    <a:pt x="6823" y="7004"/>
                    <a:pt x="7085" y="6924"/>
                    <a:pt x="7301" y="6766"/>
                  </a:cubicBezTo>
                  <a:cubicBezTo>
                    <a:pt x="7991" y="6261"/>
                    <a:pt x="8002" y="5290"/>
                    <a:pt x="7397" y="4764"/>
                  </a:cubicBezTo>
                  <a:cubicBezTo>
                    <a:pt x="7174" y="4571"/>
                    <a:pt x="6903" y="4471"/>
                    <a:pt x="6630" y="4457"/>
                  </a:cubicBezTo>
                  <a:cubicBezTo>
                    <a:pt x="6362" y="4444"/>
                    <a:pt x="6113" y="4317"/>
                    <a:pt x="5910" y="4141"/>
                  </a:cubicBezTo>
                  <a:lnTo>
                    <a:pt x="3104" y="1701"/>
                  </a:lnTo>
                  <a:cubicBezTo>
                    <a:pt x="2901" y="1526"/>
                    <a:pt x="2740" y="1296"/>
                    <a:pt x="2691" y="1032"/>
                  </a:cubicBezTo>
                  <a:cubicBezTo>
                    <a:pt x="2622" y="676"/>
                    <a:pt x="2404" y="346"/>
                    <a:pt x="2035" y="148"/>
                  </a:cubicBezTo>
                  <a:cubicBezTo>
                    <a:pt x="1852" y="50"/>
                    <a:pt x="1647" y="1"/>
                    <a:pt x="1442" y="1"/>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6" name="Google Shape;136;p19"/>
            <p:cNvSpPr/>
            <p:nvPr/>
          </p:nvSpPr>
          <p:spPr>
            <a:xfrm flipH="1">
              <a:off x="5062485" y="3187341"/>
              <a:ext cx="111068" cy="100506"/>
            </a:xfrm>
            <a:custGeom>
              <a:avLst/>
              <a:gdLst/>
              <a:ahLst/>
              <a:cxnLst/>
              <a:rect l="l" t="t" r="r" b="b"/>
              <a:pathLst>
                <a:path w="1686" h="1477" extrusionOk="0">
                  <a:moveTo>
                    <a:pt x="842" y="0"/>
                  </a:moveTo>
                  <a:cubicBezTo>
                    <a:pt x="713" y="0"/>
                    <a:pt x="582" y="34"/>
                    <a:pt x="463" y="106"/>
                  </a:cubicBezTo>
                  <a:cubicBezTo>
                    <a:pt x="114" y="316"/>
                    <a:pt x="0" y="770"/>
                    <a:pt x="210" y="1119"/>
                  </a:cubicBezTo>
                  <a:cubicBezTo>
                    <a:pt x="348" y="1349"/>
                    <a:pt x="593" y="1477"/>
                    <a:pt x="843" y="1477"/>
                  </a:cubicBezTo>
                  <a:cubicBezTo>
                    <a:pt x="973" y="1477"/>
                    <a:pt x="1104" y="1443"/>
                    <a:pt x="1223" y="1371"/>
                  </a:cubicBezTo>
                  <a:cubicBezTo>
                    <a:pt x="1572" y="1161"/>
                    <a:pt x="1685" y="708"/>
                    <a:pt x="1475" y="358"/>
                  </a:cubicBezTo>
                  <a:cubicBezTo>
                    <a:pt x="1337" y="128"/>
                    <a:pt x="1093" y="0"/>
                    <a:pt x="842"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7" name="Google Shape;137;p19"/>
            <p:cNvSpPr/>
            <p:nvPr/>
          </p:nvSpPr>
          <p:spPr>
            <a:xfrm flipH="1">
              <a:off x="5050166" y="3616448"/>
              <a:ext cx="137353" cy="165492"/>
            </a:xfrm>
            <a:custGeom>
              <a:avLst/>
              <a:gdLst/>
              <a:ahLst/>
              <a:cxnLst/>
              <a:rect l="l" t="t" r="r" b="b"/>
              <a:pathLst>
                <a:path w="2085" h="2432" extrusionOk="0">
                  <a:moveTo>
                    <a:pt x="1072" y="1"/>
                  </a:moveTo>
                  <a:cubicBezTo>
                    <a:pt x="986" y="1"/>
                    <a:pt x="900" y="33"/>
                    <a:pt x="833" y="97"/>
                  </a:cubicBezTo>
                  <a:cubicBezTo>
                    <a:pt x="464" y="454"/>
                    <a:pt x="207" y="909"/>
                    <a:pt x="90" y="1408"/>
                  </a:cubicBezTo>
                  <a:lnTo>
                    <a:pt x="60" y="1536"/>
                  </a:lnTo>
                  <a:cubicBezTo>
                    <a:pt x="0" y="1796"/>
                    <a:pt x="75" y="2067"/>
                    <a:pt x="260" y="2259"/>
                  </a:cubicBezTo>
                  <a:lnTo>
                    <a:pt x="324" y="2325"/>
                  </a:lnTo>
                  <a:cubicBezTo>
                    <a:pt x="392" y="2396"/>
                    <a:pt x="484" y="2432"/>
                    <a:pt x="575" y="2432"/>
                  </a:cubicBezTo>
                  <a:cubicBezTo>
                    <a:pt x="663" y="2432"/>
                    <a:pt x="751" y="2399"/>
                    <a:pt x="819" y="2333"/>
                  </a:cubicBezTo>
                  <a:lnTo>
                    <a:pt x="1945" y="1248"/>
                  </a:lnTo>
                  <a:cubicBezTo>
                    <a:pt x="2080" y="1115"/>
                    <a:pt x="2084" y="898"/>
                    <a:pt x="1953" y="763"/>
                  </a:cubicBezTo>
                  <a:lnTo>
                    <a:pt x="1318" y="105"/>
                  </a:lnTo>
                  <a:cubicBezTo>
                    <a:pt x="1251" y="36"/>
                    <a:pt x="1162" y="1"/>
                    <a:pt x="1072"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8" name="Google Shape;138;p19"/>
            <p:cNvSpPr/>
            <p:nvPr/>
          </p:nvSpPr>
          <p:spPr>
            <a:xfrm flipH="1">
              <a:off x="5456823" y="2778783"/>
              <a:ext cx="60409" cy="47157"/>
            </a:xfrm>
            <a:custGeom>
              <a:avLst/>
              <a:gdLst/>
              <a:ahLst/>
              <a:cxnLst/>
              <a:rect l="l" t="t" r="r" b="b"/>
              <a:pathLst>
                <a:path w="917" h="693" extrusionOk="0">
                  <a:moveTo>
                    <a:pt x="0" y="1"/>
                  </a:moveTo>
                  <a:lnTo>
                    <a:pt x="0" y="692"/>
                  </a:lnTo>
                  <a:lnTo>
                    <a:pt x="917" y="692"/>
                  </a:lnTo>
                  <a:lnTo>
                    <a:pt x="917" y="1"/>
                  </a:lnTo>
                  <a:close/>
                </a:path>
              </a:pathLst>
            </a:custGeom>
            <a:solidFill>
              <a:srgbClr val="EFEEEE"/>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9" name="Google Shape;139;p19"/>
            <p:cNvSpPr/>
            <p:nvPr/>
          </p:nvSpPr>
          <p:spPr>
            <a:xfrm flipH="1">
              <a:off x="5456823" y="2814372"/>
              <a:ext cx="60409" cy="11568"/>
            </a:xfrm>
            <a:custGeom>
              <a:avLst/>
              <a:gdLst/>
              <a:ahLst/>
              <a:cxnLst/>
              <a:rect l="l" t="t" r="r" b="b"/>
              <a:pathLst>
                <a:path w="917" h="170" extrusionOk="0">
                  <a:moveTo>
                    <a:pt x="0" y="1"/>
                  </a:moveTo>
                  <a:lnTo>
                    <a:pt x="0" y="169"/>
                  </a:lnTo>
                  <a:lnTo>
                    <a:pt x="917" y="169"/>
                  </a:lnTo>
                  <a:lnTo>
                    <a:pt x="917" y="1"/>
                  </a:lnTo>
                  <a:close/>
                </a:path>
              </a:pathLst>
            </a:custGeom>
            <a:solidFill>
              <a:srgbClr val="9E9D9E"/>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0" name="Google Shape;140;p19"/>
            <p:cNvSpPr/>
            <p:nvPr/>
          </p:nvSpPr>
          <p:spPr>
            <a:xfrm flipH="1">
              <a:off x="5369932" y="2778783"/>
              <a:ext cx="60409" cy="47157"/>
            </a:xfrm>
            <a:custGeom>
              <a:avLst/>
              <a:gdLst/>
              <a:ahLst/>
              <a:cxnLst/>
              <a:rect l="l" t="t" r="r" b="b"/>
              <a:pathLst>
                <a:path w="917" h="693" extrusionOk="0">
                  <a:moveTo>
                    <a:pt x="0" y="1"/>
                  </a:moveTo>
                  <a:lnTo>
                    <a:pt x="0" y="692"/>
                  </a:lnTo>
                  <a:lnTo>
                    <a:pt x="917" y="692"/>
                  </a:lnTo>
                  <a:lnTo>
                    <a:pt x="917" y="1"/>
                  </a:lnTo>
                  <a:close/>
                </a:path>
              </a:pathLst>
            </a:custGeom>
            <a:solidFill>
              <a:srgbClr val="EFEEEE"/>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 name="Google Shape;141;p19"/>
            <p:cNvSpPr/>
            <p:nvPr/>
          </p:nvSpPr>
          <p:spPr>
            <a:xfrm flipH="1">
              <a:off x="5369932" y="2814372"/>
              <a:ext cx="60409" cy="11568"/>
            </a:xfrm>
            <a:custGeom>
              <a:avLst/>
              <a:gdLst/>
              <a:ahLst/>
              <a:cxnLst/>
              <a:rect l="l" t="t" r="r" b="b"/>
              <a:pathLst>
                <a:path w="917" h="170" extrusionOk="0">
                  <a:moveTo>
                    <a:pt x="0" y="1"/>
                  </a:moveTo>
                  <a:lnTo>
                    <a:pt x="0" y="169"/>
                  </a:lnTo>
                  <a:lnTo>
                    <a:pt x="917" y="169"/>
                  </a:lnTo>
                  <a:lnTo>
                    <a:pt x="917" y="1"/>
                  </a:lnTo>
                  <a:close/>
                </a:path>
              </a:pathLst>
            </a:custGeom>
            <a:solidFill>
              <a:srgbClr val="9E9D9E"/>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 name="Google Shape;142;p19"/>
            <p:cNvSpPr/>
            <p:nvPr/>
          </p:nvSpPr>
          <p:spPr>
            <a:xfrm flipH="1">
              <a:off x="5403858" y="3616516"/>
              <a:ext cx="104151" cy="165492"/>
            </a:xfrm>
            <a:custGeom>
              <a:avLst/>
              <a:gdLst/>
              <a:ahLst/>
              <a:cxnLst/>
              <a:rect l="l" t="t" r="r" b="b"/>
              <a:pathLst>
                <a:path w="1581" h="2432" extrusionOk="0">
                  <a:moveTo>
                    <a:pt x="163" y="0"/>
                  </a:moveTo>
                  <a:cubicBezTo>
                    <a:pt x="73" y="0"/>
                    <a:pt x="1" y="72"/>
                    <a:pt x="1" y="161"/>
                  </a:cubicBezTo>
                  <a:lnTo>
                    <a:pt x="1" y="639"/>
                  </a:lnTo>
                  <a:cubicBezTo>
                    <a:pt x="1" y="1022"/>
                    <a:pt x="31" y="1406"/>
                    <a:pt x="90" y="1785"/>
                  </a:cubicBezTo>
                  <a:lnTo>
                    <a:pt x="144" y="2136"/>
                  </a:lnTo>
                  <a:cubicBezTo>
                    <a:pt x="171" y="2305"/>
                    <a:pt x="317" y="2431"/>
                    <a:pt x="489" y="2431"/>
                  </a:cubicBezTo>
                  <a:lnTo>
                    <a:pt x="1092" y="2431"/>
                  </a:lnTo>
                  <a:cubicBezTo>
                    <a:pt x="1264" y="2431"/>
                    <a:pt x="1410" y="2305"/>
                    <a:pt x="1436" y="2136"/>
                  </a:cubicBezTo>
                  <a:lnTo>
                    <a:pt x="1491" y="1785"/>
                  </a:lnTo>
                  <a:cubicBezTo>
                    <a:pt x="1550" y="1406"/>
                    <a:pt x="1580" y="1022"/>
                    <a:pt x="1580" y="639"/>
                  </a:cubicBezTo>
                  <a:lnTo>
                    <a:pt x="1580" y="161"/>
                  </a:lnTo>
                  <a:cubicBezTo>
                    <a:pt x="1580" y="72"/>
                    <a:pt x="1508" y="0"/>
                    <a:pt x="1418"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3" name="Google Shape;143;p19"/>
            <p:cNvSpPr/>
            <p:nvPr/>
          </p:nvSpPr>
          <p:spPr>
            <a:xfrm flipH="1">
              <a:off x="5399576" y="2884665"/>
              <a:ext cx="111068" cy="100506"/>
            </a:xfrm>
            <a:custGeom>
              <a:avLst/>
              <a:gdLst/>
              <a:ahLst/>
              <a:cxnLst/>
              <a:rect l="l" t="t" r="r" b="b"/>
              <a:pathLst>
                <a:path w="1686" h="1477" extrusionOk="0">
                  <a:moveTo>
                    <a:pt x="842" y="0"/>
                  </a:moveTo>
                  <a:cubicBezTo>
                    <a:pt x="713" y="0"/>
                    <a:pt x="582" y="35"/>
                    <a:pt x="462" y="106"/>
                  </a:cubicBezTo>
                  <a:cubicBezTo>
                    <a:pt x="113" y="316"/>
                    <a:pt x="0" y="770"/>
                    <a:pt x="210" y="1118"/>
                  </a:cubicBezTo>
                  <a:cubicBezTo>
                    <a:pt x="349" y="1349"/>
                    <a:pt x="594" y="1477"/>
                    <a:pt x="844" y="1477"/>
                  </a:cubicBezTo>
                  <a:cubicBezTo>
                    <a:pt x="974" y="1477"/>
                    <a:pt x="1104" y="1443"/>
                    <a:pt x="1223" y="1371"/>
                  </a:cubicBezTo>
                  <a:cubicBezTo>
                    <a:pt x="1573" y="1161"/>
                    <a:pt x="1685" y="708"/>
                    <a:pt x="1475" y="358"/>
                  </a:cubicBezTo>
                  <a:cubicBezTo>
                    <a:pt x="1337" y="128"/>
                    <a:pt x="1093" y="0"/>
                    <a:pt x="842" y="0"/>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4" name="Google Shape;144;p19"/>
            <p:cNvSpPr/>
            <p:nvPr/>
          </p:nvSpPr>
          <p:spPr>
            <a:xfrm flipH="1">
              <a:off x="5752940" y="3509954"/>
              <a:ext cx="228000" cy="225441"/>
            </a:xfrm>
            <a:custGeom>
              <a:avLst/>
              <a:gdLst/>
              <a:ahLst/>
              <a:cxnLst/>
              <a:rect l="l" t="t" r="r" b="b"/>
              <a:pathLst>
                <a:path w="3461" h="3313" extrusionOk="0">
                  <a:moveTo>
                    <a:pt x="766" y="0"/>
                  </a:moveTo>
                  <a:cubicBezTo>
                    <a:pt x="525" y="0"/>
                    <a:pt x="284" y="120"/>
                    <a:pt x="140" y="357"/>
                  </a:cubicBezTo>
                  <a:cubicBezTo>
                    <a:pt x="1" y="588"/>
                    <a:pt x="7" y="890"/>
                    <a:pt x="156" y="1116"/>
                  </a:cubicBezTo>
                  <a:cubicBezTo>
                    <a:pt x="286" y="1315"/>
                    <a:pt x="484" y="1421"/>
                    <a:pt x="688" y="1442"/>
                  </a:cubicBezTo>
                  <a:cubicBezTo>
                    <a:pt x="840" y="1458"/>
                    <a:pt x="978" y="1537"/>
                    <a:pt x="1087" y="1644"/>
                  </a:cubicBezTo>
                  <a:lnTo>
                    <a:pt x="1766" y="2300"/>
                  </a:lnTo>
                  <a:cubicBezTo>
                    <a:pt x="1876" y="2405"/>
                    <a:pt x="1961" y="2540"/>
                    <a:pt x="1981" y="2691"/>
                  </a:cubicBezTo>
                  <a:cubicBezTo>
                    <a:pt x="2002" y="2845"/>
                    <a:pt x="2072" y="2993"/>
                    <a:pt x="2192" y="3109"/>
                  </a:cubicBezTo>
                  <a:cubicBezTo>
                    <a:pt x="2333" y="3245"/>
                    <a:pt x="2514" y="3313"/>
                    <a:pt x="2696" y="3313"/>
                  </a:cubicBezTo>
                  <a:cubicBezTo>
                    <a:pt x="2937" y="3313"/>
                    <a:pt x="3177" y="3193"/>
                    <a:pt x="3321" y="2956"/>
                  </a:cubicBezTo>
                  <a:cubicBezTo>
                    <a:pt x="3461" y="2725"/>
                    <a:pt x="3454" y="2423"/>
                    <a:pt x="3305" y="2197"/>
                  </a:cubicBezTo>
                  <a:cubicBezTo>
                    <a:pt x="3175" y="1998"/>
                    <a:pt x="2978" y="1892"/>
                    <a:pt x="2773" y="1871"/>
                  </a:cubicBezTo>
                  <a:cubicBezTo>
                    <a:pt x="2622" y="1855"/>
                    <a:pt x="2484" y="1776"/>
                    <a:pt x="2374" y="1669"/>
                  </a:cubicBezTo>
                  <a:lnTo>
                    <a:pt x="1695" y="1014"/>
                  </a:lnTo>
                  <a:cubicBezTo>
                    <a:pt x="1585" y="908"/>
                    <a:pt x="1501" y="773"/>
                    <a:pt x="1480" y="622"/>
                  </a:cubicBezTo>
                  <a:cubicBezTo>
                    <a:pt x="1459" y="468"/>
                    <a:pt x="1389" y="320"/>
                    <a:pt x="1269" y="204"/>
                  </a:cubicBezTo>
                  <a:cubicBezTo>
                    <a:pt x="1128" y="68"/>
                    <a:pt x="947" y="0"/>
                    <a:pt x="766"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5" name="Google Shape;145;p19"/>
            <p:cNvSpPr/>
            <p:nvPr/>
          </p:nvSpPr>
          <p:spPr>
            <a:xfrm flipH="1">
              <a:off x="5898988" y="3530708"/>
              <a:ext cx="63044" cy="57092"/>
            </a:xfrm>
            <a:custGeom>
              <a:avLst/>
              <a:gdLst/>
              <a:ahLst/>
              <a:cxnLst/>
              <a:rect l="l" t="t" r="r" b="b"/>
              <a:pathLst>
                <a:path w="957" h="839" extrusionOk="0">
                  <a:moveTo>
                    <a:pt x="478" y="0"/>
                  </a:moveTo>
                  <a:cubicBezTo>
                    <a:pt x="323" y="0"/>
                    <a:pt x="175" y="87"/>
                    <a:pt x="101" y="236"/>
                  </a:cubicBezTo>
                  <a:cubicBezTo>
                    <a:pt x="0" y="443"/>
                    <a:pt x="87" y="695"/>
                    <a:pt x="295" y="796"/>
                  </a:cubicBezTo>
                  <a:cubicBezTo>
                    <a:pt x="354" y="825"/>
                    <a:pt x="417" y="839"/>
                    <a:pt x="479" y="839"/>
                  </a:cubicBezTo>
                  <a:cubicBezTo>
                    <a:pt x="634" y="839"/>
                    <a:pt x="783" y="752"/>
                    <a:pt x="855" y="604"/>
                  </a:cubicBezTo>
                  <a:cubicBezTo>
                    <a:pt x="956" y="395"/>
                    <a:pt x="870" y="145"/>
                    <a:pt x="663" y="43"/>
                  </a:cubicBezTo>
                  <a:cubicBezTo>
                    <a:pt x="603" y="14"/>
                    <a:pt x="540" y="0"/>
                    <a:pt x="478" y="0"/>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6" name="Google Shape;146;p19"/>
            <p:cNvSpPr/>
            <p:nvPr/>
          </p:nvSpPr>
          <p:spPr>
            <a:xfrm flipH="1">
              <a:off x="5858474" y="3509954"/>
              <a:ext cx="122465" cy="123506"/>
            </a:xfrm>
            <a:custGeom>
              <a:avLst/>
              <a:gdLst/>
              <a:ahLst/>
              <a:cxnLst/>
              <a:rect l="l" t="t" r="r" b="b"/>
              <a:pathLst>
                <a:path w="1859" h="1815" extrusionOk="0">
                  <a:moveTo>
                    <a:pt x="766" y="0"/>
                  </a:moveTo>
                  <a:cubicBezTo>
                    <a:pt x="525" y="0"/>
                    <a:pt x="284" y="120"/>
                    <a:pt x="140" y="358"/>
                  </a:cubicBezTo>
                  <a:cubicBezTo>
                    <a:pt x="1" y="588"/>
                    <a:pt x="7" y="890"/>
                    <a:pt x="156" y="1116"/>
                  </a:cubicBezTo>
                  <a:cubicBezTo>
                    <a:pt x="286" y="1315"/>
                    <a:pt x="484" y="1421"/>
                    <a:pt x="688" y="1443"/>
                  </a:cubicBezTo>
                  <a:cubicBezTo>
                    <a:pt x="840" y="1458"/>
                    <a:pt x="978" y="1538"/>
                    <a:pt x="1087" y="1644"/>
                  </a:cubicBezTo>
                  <a:lnTo>
                    <a:pt x="1264" y="1814"/>
                  </a:lnTo>
                  <a:cubicBezTo>
                    <a:pt x="1536" y="1683"/>
                    <a:pt x="1749" y="1454"/>
                    <a:pt x="1858" y="1171"/>
                  </a:cubicBezTo>
                  <a:lnTo>
                    <a:pt x="1695" y="1014"/>
                  </a:lnTo>
                  <a:cubicBezTo>
                    <a:pt x="1585" y="908"/>
                    <a:pt x="1501" y="773"/>
                    <a:pt x="1480" y="622"/>
                  </a:cubicBezTo>
                  <a:cubicBezTo>
                    <a:pt x="1459" y="468"/>
                    <a:pt x="1389" y="320"/>
                    <a:pt x="1269" y="204"/>
                  </a:cubicBezTo>
                  <a:cubicBezTo>
                    <a:pt x="1128" y="68"/>
                    <a:pt x="947" y="0"/>
                    <a:pt x="766"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 name="Google Shape;147;p19"/>
            <p:cNvSpPr/>
            <p:nvPr/>
          </p:nvSpPr>
          <p:spPr>
            <a:xfrm flipH="1">
              <a:off x="5735877" y="3616448"/>
              <a:ext cx="137287" cy="165492"/>
            </a:xfrm>
            <a:custGeom>
              <a:avLst/>
              <a:gdLst/>
              <a:ahLst/>
              <a:cxnLst/>
              <a:rect l="l" t="t" r="r" b="b"/>
              <a:pathLst>
                <a:path w="2084" h="2432" extrusionOk="0">
                  <a:moveTo>
                    <a:pt x="1012" y="1"/>
                  </a:moveTo>
                  <a:cubicBezTo>
                    <a:pt x="922" y="1"/>
                    <a:pt x="833" y="36"/>
                    <a:pt x="765" y="105"/>
                  </a:cubicBezTo>
                  <a:lnTo>
                    <a:pt x="131" y="763"/>
                  </a:lnTo>
                  <a:cubicBezTo>
                    <a:pt x="0" y="898"/>
                    <a:pt x="3" y="1115"/>
                    <a:pt x="140" y="1248"/>
                  </a:cubicBezTo>
                  <a:lnTo>
                    <a:pt x="1264" y="2333"/>
                  </a:lnTo>
                  <a:cubicBezTo>
                    <a:pt x="1333" y="2399"/>
                    <a:pt x="1421" y="2432"/>
                    <a:pt x="1509" y="2432"/>
                  </a:cubicBezTo>
                  <a:cubicBezTo>
                    <a:pt x="1600" y="2432"/>
                    <a:pt x="1692" y="2396"/>
                    <a:pt x="1760" y="2325"/>
                  </a:cubicBezTo>
                  <a:lnTo>
                    <a:pt x="1825" y="2259"/>
                  </a:lnTo>
                  <a:cubicBezTo>
                    <a:pt x="2009" y="2067"/>
                    <a:pt x="2084" y="1796"/>
                    <a:pt x="2024" y="1536"/>
                  </a:cubicBezTo>
                  <a:lnTo>
                    <a:pt x="1994" y="1408"/>
                  </a:lnTo>
                  <a:cubicBezTo>
                    <a:pt x="1877" y="909"/>
                    <a:pt x="1619" y="454"/>
                    <a:pt x="1250" y="97"/>
                  </a:cubicBezTo>
                  <a:cubicBezTo>
                    <a:pt x="1184" y="33"/>
                    <a:pt x="1098" y="1"/>
                    <a:pt x="1012"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8" name="Google Shape;148;p19"/>
            <p:cNvSpPr/>
            <p:nvPr/>
          </p:nvSpPr>
          <p:spPr>
            <a:xfrm flipH="1">
              <a:off x="5716510" y="3170261"/>
              <a:ext cx="290451" cy="457279"/>
            </a:xfrm>
            <a:custGeom>
              <a:avLst/>
              <a:gdLst/>
              <a:ahLst/>
              <a:cxnLst/>
              <a:rect l="l" t="t" r="r" b="b"/>
              <a:pathLst>
                <a:path w="4409" h="6720" extrusionOk="0">
                  <a:moveTo>
                    <a:pt x="3262" y="0"/>
                  </a:moveTo>
                  <a:cubicBezTo>
                    <a:pt x="2961" y="0"/>
                    <a:pt x="2667" y="144"/>
                    <a:pt x="2485" y="388"/>
                  </a:cubicBezTo>
                  <a:cubicBezTo>
                    <a:pt x="2293" y="645"/>
                    <a:pt x="2248" y="945"/>
                    <a:pt x="2316" y="1215"/>
                  </a:cubicBezTo>
                  <a:cubicBezTo>
                    <a:pt x="2367" y="1415"/>
                    <a:pt x="2329" y="1627"/>
                    <a:pt x="2245" y="1816"/>
                  </a:cubicBezTo>
                  <a:lnTo>
                    <a:pt x="1084" y="4423"/>
                  </a:lnTo>
                  <a:cubicBezTo>
                    <a:pt x="1001" y="4612"/>
                    <a:pt x="868" y="4781"/>
                    <a:pt x="685" y="4877"/>
                  </a:cubicBezTo>
                  <a:cubicBezTo>
                    <a:pt x="500" y="4975"/>
                    <a:pt x="344" y="5133"/>
                    <a:pt x="252" y="5339"/>
                  </a:cubicBezTo>
                  <a:cubicBezTo>
                    <a:pt x="1" y="5902"/>
                    <a:pt x="324" y="6575"/>
                    <a:pt x="968" y="6702"/>
                  </a:cubicBezTo>
                  <a:cubicBezTo>
                    <a:pt x="1028" y="6714"/>
                    <a:pt x="1088" y="6719"/>
                    <a:pt x="1149" y="6719"/>
                  </a:cubicBezTo>
                  <a:cubicBezTo>
                    <a:pt x="1449" y="6719"/>
                    <a:pt x="1744" y="6575"/>
                    <a:pt x="1926" y="6332"/>
                  </a:cubicBezTo>
                  <a:cubicBezTo>
                    <a:pt x="2118" y="6074"/>
                    <a:pt x="2162" y="5773"/>
                    <a:pt x="2094" y="5505"/>
                  </a:cubicBezTo>
                  <a:cubicBezTo>
                    <a:pt x="2043" y="5304"/>
                    <a:pt x="2081" y="5092"/>
                    <a:pt x="2165" y="4904"/>
                  </a:cubicBezTo>
                  <a:lnTo>
                    <a:pt x="3326" y="2296"/>
                  </a:lnTo>
                  <a:cubicBezTo>
                    <a:pt x="3410" y="2108"/>
                    <a:pt x="3542" y="1939"/>
                    <a:pt x="3724" y="1842"/>
                  </a:cubicBezTo>
                  <a:cubicBezTo>
                    <a:pt x="3910" y="1744"/>
                    <a:pt x="4066" y="1587"/>
                    <a:pt x="4158" y="1380"/>
                  </a:cubicBezTo>
                  <a:cubicBezTo>
                    <a:pt x="4409" y="818"/>
                    <a:pt x="4086" y="145"/>
                    <a:pt x="3442" y="18"/>
                  </a:cubicBezTo>
                  <a:cubicBezTo>
                    <a:pt x="3382" y="6"/>
                    <a:pt x="3322" y="0"/>
                    <a:pt x="3262"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9" name="Google Shape;149;p19"/>
            <p:cNvSpPr/>
            <p:nvPr/>
          </p:nvSpPr>
          <p:spPr>
            <a:xfrm flipH="1">
              <a:off x="5752676" y="3198500"/>
              <a:ext cx="78591" cy="77166"/>
            </a:xfrm>
            <a:custGeom>
              <a:avLst/>
              <a:gdLst/>
              <a:ahLst/>
              <a:cxnLst/>
              <a:rect l="l" t="t" r="r" b="b"/>
              <a:pathLst>
                <a:path w="1193" h="1134" extrusionOk="0">
                  <a:moveTo>
                    <a:pt x="596" y="1"/>
                  </a:moveTo>
                  <a:cubicBezTo>
                    <a:pt x="310" y="1"/>
                    <a:pt x="64" y="217"/>
                    <a:pt x="34" y="507"/>
                  </a:cubicBezTo>
                  <a:cubicBezTo>
                    <a:pt x="1" y="819"/>
                    <a:pt x="226" y="1098"/>
                    <a:pt x="537" y="1131"/>
                  </a:cubicBezTo>
                  <a:cubicBezTo>
                    <a:pt x="557" y="1133"/>
                    <a:pt x="577" y="1134"/>
                    <a:pt x="596" y="1134"/>
                  </a:cubicBezTo>
                  <a:cubicBezTo>
                    <a:pt x="883" y="1134"/>
                    <a:pt x="1130" y="918"/>
                    <a:pt x="1161" y="626"/>
                  </a:cubicBezTo>
                  <a:cubicBezTo>
                    <a:pt x="1193" y="315"/>
                    <a:pt x="967" y="36"/>
                    <a:pt x="656" y="4"/>
                  </a:cubicBezTo>
                  <a:cubicBezTo>
                    <a:pt x="636" y="2"/>
                    <a:pt x="616" y="1"/>
                    <a:pt x="596"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0" name="Google Shape;150;p19"/>
            <p:cNvSpPr/>
            <p:nvPr/>
          </p:nvSpPr>
          <p:spPr>
            <a:xfrm flipH="1">
              <a:off x="5716510" y="3170261"/>
              <a:ext cx="148684" cy="170663"/>
            </a:xfrm>
            <a:custGeom>
              <a:avLst/>
              <a:gdLst/>
              <a:ahLst/>
              <a:cxnLst/>
              <a:rect l="l" t="t" r="r" b="b"/>
              <a:pathLst>
                <a:path w="2257" h="2508" extrusionOk="0">
                  <a:moveTo>
                    <a:pt x="1110" y="0"/>
                  </a:moveTo>
                  <a:cubicBezTo>
                    <a:pt x="809" y="0"/>
                    <a:pt x="515" y="144"/>
                    <a:pt x="333" y="388"/>
                  </a:cubicBezTo>
                  <a:cubicBezTo>
                    <a:pt x="141" y="645"/>
                    <a:pt x="96" y="945"/>
                    <a:pt x="164" y="1215"/>
                  </a:cubicBezTo>
                  <a:cubicBezTo>
                    <a:pt x="215" y="1415"/>
                    <a:pt x="177" y="1627"/>
                    <a:pt x="93" y="1816"/>
                  </a:cubicBezTo>
                  <a:lnTo>
                    <a:pt x="0" y="2025"/>
                  </a:lnTo>
                  <a:cubicBezTo>
                    <a:pt x="243" y="2285"/>
                    <a:pt x="571" y="2466"/>
                    <a:pt x="952" y="2505"/>
                  </a:cubicBezTo>
                  <a:cubicBezTo>
                    <a:pt x="967" y="2507"/>
                    <a:pt x="982" y="2507"/>
                    <a:pt x="997" y="2507"/>
                  </a:cubicBezTo>
                  <a:cubicBezTo>
                    <a:pt x="1021" y="2507"/>
                    <a:pt x="1045" y="2506"/>
                    <a:pt x="1069" y="2506"/>
                  </a:cubicBezTo>
                  <a:cubicBezTo>
                    <a:pt x="1073" y="2506"/>
                    <a:pt x="1077" y="2506"/>
                    <a:pt x="1081" y="2506"/>
                  </a:cubicBezTo>
                  <a:lnTo>
                    <a:pt x="1174" y="2296"/>
                  </a:lnTo>
                  <a:cubicBezTo>
                    <a:pt x="1258" y="2108"/>
                    <a:pt x="1390" y="1939"/>
                    <a:pt x="1572" y="1842"/>
                  </a:cubicBezTo>
                  <a:cubicBezTo>
                    <a:pt x="1758" y="1744"/>
                    <a:pt x="1914" y="1587"/>
                    <a:pt x="2006" y="1380"/>
                  </a:cubicBezTo>
                  <a:cubicBezTo>
                    <a:pt x="2257" y="818"/>
                    <a:pt x="1934" y="145"/>
                    <a:pt x="1290" y="18"/>
                  </a:cubicBezTo>
                  <a:cubicBezTo>
                    <a:pt x="1230" y="6"/>
                    <a:pt x="1170" y="0"/>
                    <a:pt x="111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 name="Google Shape;151;p19"/>
            <p:cNvSpPr/>
            <p:nvPr/>
          </p:nvSpPr>
          <p:spPr>
            <a:xfrm flipH="1">
              <a:off x="5892137" y="3522066"/>
              <a:ext cx="78657" cy="77234"/>
            </a:xfrm>
            <a:custGeom>
              <a:avLst/>
              <a:gdLst/>
              <a:ahLst/>
              <a:cxnLst/>
              <a:rect l="l" t="t" r="r" b="b"/>
              <a:pathLst>
                <a:path w="1194" h="1135" extrusionOk="0">
                  <a:moveTo>
                    <a:pt x="598" y="1"/>
                  </a:moveTo>
                  <a:cubicBezTo>
                    <a:pt x="311" y="1"/>
                    <a:pt x="65" y="217"/>
                    <a:pt x="34" y="508"/>
                  </a:cubicBezTo>
                  <a:cubicBezTo>
                    <a:pt x="1" y="820"/>
                    <a:pt x="227" y="1099"/>
                    <a:pt x="538" y="1132"/>
                  </a:cubicBezTo>
                  <a:cubicBezTo>
                    <a:pt x="558" y="1134"/>
                    <a:pt x="578" y="1135"/>
                    <a:pt x="597" y="1135"/>
                  </a:cubicBezTo>
                  <a:cubicBezTo>
                    <a:pt x="884" y="1135"/>
                    <a:pt x="1131" y="919"/>
                    <a:pt x="1161" y="627"/>
                  </a:cubicBezTo>
                  <a:cubicBezTo>
                    <a:pt x="1194" y="316"/>
                    <a:pt x="968" y="37"/>
                    <a:pt x="657" y="4"/>
                  </a:cubicBezTo>
                  <a:cubicBezTo>
                    <a:pt x="637" y="2"/>
                    <a:pt x="618" y="1"/>
                    <a:pt x="598"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2" name="Google Shape;152;p19"/>
            <p:cNvSpPr/>
            <p:nvPr/>
          </p:nvSpPr>
          <p:spPr>
            <a:xfrm flipH="1">
              <a:off x="5359853" y="2847920"/>
              <a:ext cx="527080" cy="476673"/>
            </a:xfrm>
            <a:custGeom>
              <a:avLst/>
              <a:gdLst/>
              <a:ahLst/>
              <a:cxnLst/>
              <a:rect l="l" t="t" r="r" b="b"/>
              <a:pathLst>
                <a:path w="8001" h="7005" extrusionOk="0">
                  <a:moveTo>
                    <a:pt x="6560" y="1"/>
                  </a:moveTo>
                  <a:cubicBezTo>
                    <a:pt x="6355" y="1"/>
                    <a:pt x="6150" y="50"/>
                    <a:pt x="5967" y="148"/>
                  </a:cubicBezTo>
                  <a:cubicBezTo>
                    <a:pt x="5598" y="346"/>
                    <a:pt x="5380" y="676"/>
                    <a:pt x="5312" y="1032"/>
                  </a:cubicBezTo>
                  <a:cubicBezTo>
                    <a:pt x="5262" y="1296"/>
                    <a:pt x="5100" y="1526"/>
                    <a:pt x="4898" y="1701"/>
                  </a:cubicBezTo>
                  <a:lnTo>
                    <a:pt x="2091" y="4141"/>
                  </a:lnTo>
                  <a:cubicBezTo>
                    <a:pt x="1889" y="4317"/>
                    <a:pt x="1640" y="4444"/>
                    <a:pt x="1372" y="4457"/>
                  </a:cubicBezTo>
                  <a:cubicBezTo>
                    <a:pt x="1099" y="4471"/>
                    <a:pt x="828" y="4571"/>
                    <a:pt x="605" y="4764"/>
                  </a:cubicBezTo>
                  <a:cubicBezTo>
                    <a:pt x="0" y="5290"/>
                    <a:pt x="11" y="6261"/>
                    <a:pt x="701" y="6766"/>
                  </a:cubicBezTo>
                  <a:cubicBezTo>
                    <a:pt x="916" y="6924"/>
                    <a:pt x="1178" y="7004"/>
                    <a:pt x="1440" y="7004"/>
                  </a:cubicBezTo>
                  <a:cubicBezTo>
                    <a:pt x="1645" y="7004"/>
                    <a:pt x="1851" y="6955"/>
                    <a:pt x="2035" y="6856"/>
                  </a:cubicBezTo>
                  <a:cubicBezTo>
                    <a:pt x="2404" y="6658"/>
                    <a:pt x="2622" y="6328"/>
                    <a:pt x="2689" y="5973"/>
                  </a:cubicBezTo>
                  <a:cubicBezTo>
                    <a:pt x="2740" y="5709"/>
                    <a:pt x="2901" y="5480"/>
                    <a:pt x="3103" y="5304"/>
                  </a:cubicBezTo>
                  <a:lnTo>
                    <a:pt x="5910" y="2863"/>
                  </a:lnTo>
                  <a:cubicBezTo>
                    <a:pt x="6112" y="2688"/>
                    <a:pt x="6362" y="2560"/>
                    <a:pt x="6629" y="2548"/>
                  </a:cubicBezTo>
                  <a:cubicBezTo>
                    <a:pt x="6902" y="2535"/>
                    <a:pt x="7173" y="2434"/>
                    <a:pt x="7395" y="2241"/>
                  </a:cubicBezTo>
                  <a:cubicBezTo>
                    <a:pt x="8001" y="1715"/>
                    <a:pt x="7990" y="743"/>
                    <a:pt x="7300" y="239"/>
                  </a:cubicBezTo>
                  <a:cubicBezTo>
                    <a:pt x="7085" y="81"/>
                    <a:pt x="6823" y="1"/>
                    <a:pt x="6560" y="1"/>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 name="Google Shape;153;p19"/>
            <p:cNvSpPr/>
            <p:nvPr/>
          </p:nvSpPr>
          <p:spPr>
            <a:xfrm flipH="1">
              <a:off x="5399313" y="2884665"/>
              <a:ext cx="111068" cy="100506"/>
            </a:xfrm>
            <a:custGeom>
              <a:avLst/>
              <a:gdLst/>
              <a:ahLst/>
              <a:cxnLst/>
              <a:rect l="l" t="t" r="r" b="b"/>
              <a:pathLst>
                <a:path w="1686" h="1477" extrusionOk="0">
                  <a:moveTo>
                    <a:pt x="844" y="0"/>
                  </a:moveTo>
                  <a:cubicBezTo>
                    <a:pt x="593" y="0"/>
                    <a:pt x="349" y="128"/>
                    <a:pt x="210" y="358"/>
                  </a:cubicBezTo>
                  <a:cubicBezTo>
                    <a:pt x="1" y="708"/>
                    <a:pt x="114" y="1161"/>
                    <a:pt x="463" y="1371"/>
                  </a:cubicBezTo>
                  <a:cubicBezTo>
                    <a:pt x="581" y="1443"/>
                    <a:pt x="712" y="1477"/>
                    <a:pt x="841" y="1477"/>
                  </a:cubicBezTo>
                  <a:cubicBezTo>
                    <a:pt x="1092" y="1477"/>
                    <a:pt x="1337" y="1349"/>
                    <a:pt x="1476" y="1118"/>
                  </a:cubicBezTo>
                  <a:cubicBezTo>
                    <a:pt x="1685" y="770"/>
                    <a:pt x="1573" y="316"/>
                    <a:pt x="1223" y="106"/>
                  </a:cubicBezTo>
                  <a:cubicBezTo>
                    <a:pt x="1104" y="35"/>
                    <a:pt x="973" y="0"/>
                    <a:pt x="844" y="0"/>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4" name="Google Shape;154;p19"/>
            <p:cNvSpPr/>
            <p:nvPr/>
          </p:nvSpPr>
          <p:spPr>
            <a:xfrm flipH="1">
              <a:off x="5736404" y="3187341"/>
              <a:ext cx="111068" cy="100506"/>
            </a:xfrm>
            <a:custGeom>
              <a:avLst/>
              <a:gdLst/>
              <a:ahLst/>
              <a:cxnLst/>
              <a:rect l="l" t="t" r="r" b="b"/>
              <a:pathLst>
                <a:path w="1686" h="1477" extrusionOk="0">
                  <a:moveTo>
                    <a:pt x="843" y="0"/>
                  </a:moveTo>
                  <a:cubicBezTo>
                    <a:pt x="593" y="0"/>
                    <a:pt x="349" y="128"/>
                    <a:pt x="211" y="358"/>
                  </a:cubicBezTo>
                  <a:cubicBezTo>
                    <a:pt x="1" y="708"/>
                    <a:pt x="113" y="1161"/>
                    <a:pt x="463" y="1371"/>
                  </a:cubicBezTo>
                  <a:cubicBezTo>
                    <a:pt x="582" y="1443"/>
                    <a:pt x="713" y="1477"/>
                    <a:pt x="843" y="1477"/>
                  </a:cubicBezTo>
                  <a:cubicBezTo>
                    <a:pt x="1093" y="1477"/>
                    <a:pt x="1338" y="1349"/>
                    <a:pt x="1476" y="1119"/>
                  </a:cubicBezTo>
                  <a:cubicBezTo>
                    <a:pt x="1686" y="770"/>
                    <a:pt x="1572" y="316"/>
                    <a:pt x="1223" y="106"/>
                  </a:cubicBezTo>
                  <a:cubicBezTo>
                    <a:pt x="1104" y="34"/>
                    <a:pt x="973" y="0"/>
                    <a:pt x="843"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5" name="Google Shape;155;p19"/>
            <p:cNvSpPr/>
            <p:nvPr/>
          </p:nvSpPr>
          <p:spPr>
            <a:xfrm flipH="1">
              <a:off x="5392857" y="2226510"/>
              <a:ext cx="126220" cy="413457"/>
            </a:xfrm>
            <a:custGeom>
              <a:avLst/>
              <a:gdLst/>
              <a:ahLst/>
              <a:cxnLst/>
              <a:rect l="l" t="t" r="r" b="b"/>
              <a:pathLst>
                <a:path w="1916" h="6076" extrusionOk="0">
                  <a:moveTo>
                    <a:pt x="0" y="0"/>
                  </a:moveTo>
                  <a:lnTo>
                    <a:pt x="0" y="6075"/>
                  </a:lnTo>
                  <a:lnTo>
                    <a:pt x="1916" y="6075"/>
                  </a:lnTo>
                  <a:lnTo>
                    <a:pt x="1916"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6" name="Google Shape;156;p19"/>
            <p:cNvSpPr/>
            <p:nvPr/>
          </p:nvSpPr>
          <p:spPr>
            <a:xfrm flipH="1">
              <a:off x="5157479" y="2639898"/>
              <a:ext cx="596910" cy="109216"/>
            </a:xfrm>
            <a:custGeom>
              <a:avLst/>
              <a:gdLst/>
              <a:ahLst/>
              <a:cxnLst/>
              <a:rect l="l" t="t" r="r" b="b"/>
              <a:pathLst>
                <a:path w="9061" h="1605" extrusionOk="0">
                  <a:moveTo>
                    <a:pt x="1" y="0"/>
                  </a:moveTo>
                  <a:lnTo>
                    <a:pt x="1" y="1605"/>
                  </a:lnTo>
                  <a:lnTo>
                    <a:pt x="9060" y="1605"/>
                  </a:lnTo>
                  <a:lnTo>
                    <a:pt x="9060"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7" name="Google Shape;157;p19"/>
            <p:cNvSpPr/>
            <p:nvPr/>
          </p:nvSpPr>
          <p:spPr>
            <a:xfrm flipH="1">
              <a:off x="5351948" y="2819544"/>
              <a:ext cx="207973" cy="214962"/>
            </a:xfrm>
            <a:custGeom>
              <a:avLst/>
              <a:gdLst/>
              <a:ahLst/>
              <a:cxnLst/>
              <a:rect l="l" t="t" r="r" b="b"/>
              <a:pathLst>
                <a:path w="3157" h="3159" extrusionOk="0">
                  <a:moveTo>
                    <a:pt x="0" y="0"/>
                  </a:moveTo>
                  <a:lnTo>
                    <a:pt x="0" y="1579"/>
                  </a:lnTo>
                  <a:cubicBezTo>
                    <a:pt x="0" y="2451"/>
                    <a:pt x="706" y="3158"/>
                    <a:pt x="1578" y="3158"/>
                  </a:cubicBezTo>
                  <a:cubicBezTo>
                    <a:pt x="2450" y="3158"/>
                    <a:pt x="3157" y="2451"/>
                    <a:pt x="3157" y="1579"/>
                  </a:cubicBezTo>
                  <a:lnTo>
                    <a:pt x="3157"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8" name="Google Shape;158;p19"/>
            <p:cNvSpPr/>
            <p:nvPr/>
          </p:nvSpPr>
          <p:spPr>
            <a:xfrm flipH="1">
              <a:off x="5351948" y="2749047"/>
              <a:ext cx="208105" cy="70565"/>
            </a:xfrm>
            <a:custGeom>
              <a:avLst/>
              <a:gdLst/>
              <a:ahLst/>
              <a:cxnLst/>
              <a:rect l="l" t="t" r="r" b="b"/>
              <a:pathLst>
                <a:path w="3159" h="1037" extrusionOk="0">
                  <a:moveTo>
                    <a:pt x="1" y="1"/>
                  </a:moveTo>
                  <a:lnTo>
                    <a:pt x="1" y="1036"/>
                  </a:lnTo>
                  <a:lnTo>
                    <a:pt x="3159" y="1036"/>
                  </a:lnTo>
                  <a:lnTo>
                    <a:pt x="3159"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9" name="Google Shape;159;p19"/>
            <p:cNvSpPr/>
            <p:nvPr/>
          </p:nvSpPr>
          <p:spPr>
            <a:xfrm flipH="1">
              <a:off x="5527312" y="2762316"/>
              <a:ext cx="18380" cy="44095"/>
            </a:xfrm>
            <a:custGeom>
              <a:avLst/>
              <a:gdLst/>
              <a:ahLst/>
              <a:cxnLst/>
              <a:rect l="l" t="t" r="r" b="b"/>
              <a:pathLst>
                <a:path w="279" h="648" extrusionOk="0">
                  <a:moveTo>
                    <a:pt x="140" y="0"/>
                  </a:moveTo>
                  <a:cubicBezTo>
                    <a:pt x="63" y="0"/>
                    <a:pt x="0" y="62"/>
                    <a:pt x="0" y="140"/>
                  </a:cubicBezTo>
                  <a:lnTo>
                    <a:pt x="0" y="508"/>
                  </a:lnTo>
                  <a:cubicBezTo>
                    <a:pt x="0" y="585"/>
                    <a:pt x="62" y="647"/>
                    <a:pt x="140" y="647"/>
                  </a:cubicBezTo>
                  <a:cubicBezTo>
                    <a:pt x="216" y="647"/>
                    <a:pt x="278" y="585"/>
                    <a:pt x="278" y="508"/>
                  </a:cubicBezTo>
                  <a:lnTo>
                    <a:pt x="278" y="140"/>
                  </a:lnTo>
                  <a:cubicBezTo>
                    <a:pt x="278" y="62"/>
                    <a:pt x="216"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0" name="Google Shape;160;p19"/>
            <p:cNvSpPr/>
            <p:nvPr/>
          </p:nvSpPr>
          <p:spPr>
            <a:xfrm flipH="1">
              <a:off x="5473622" y="2762316"/>
              <a:ext cx="18380" cy="44095"/>
            </a:xfrm>
            <a:custGeom>
              <a:avLst/>
              <a:gdLst/>
              <a:ahLst/>
              <a:cxnLst/>
              <a:rect l="l" t="t" r="r" b="b"/>
              <a:pathLst>
                <a:path w="279" h="648" extrusionOk="0">
                  <a:moveTo>
                    <a:pt x="140" y="0"/>
                  </a:moveTo>
                  <a:cubicBezTo>
                    <a:pt x="63" y="0"/>
                    <a:pt x="1" y="62"/>
                    <a:pt x="1" y="140"/>
                  </a:cubicBezTo>
                  <a:lnTo>
                    <a:pt x="1" y="508"/>
                  </a:lnTo>
                  <a:cubicBezTo>
                    <a:pt x="1" y="585"/>
                    <a:pt x="63" y="647"/>
                    <a:pt x="140" y="647"/>
                  </a:cubicBezTo>
                  <a:cubicBezTo>
                    <a:pt x="217" y="647"/>
                    <a:pt x="279" y="585"/>
                    <a:pt x="279" y="508"/>
                  </a:cubicBezTo>
                  <a:lnTo>
                    <a:pt x="279" y="140"/>
                  </a:lnTo>
                  <a:cubicBezTo>
                    <a:pt x="279" y="62"/>
                    <a:pt x="217"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 name="Google Shape;161;p19"/>
            <p:cNvSpPr/>
            <p:nvPr/>
          </p:nvSpPr>
          <p:spPr>
            <a:xfrm flipH="1">
              <a:off x="5419867" y="2762316"/>
              <a:ext cx="18380" cy="44095"/>
            </a:xfrm>
            <a:custGeom>
              <a:avLst/>
              <a:gdLst/>
              <a:ahLst/>
              <a:cxnLst/>
              <a:rect l="l" t="t" r="r" b="b"/>
              <a:pathLst>
                <a:path w="279" h="648" extrusionOk="0">
                  <a:moveTo>
                    <a:pt x="139" y="0"/>
                  </a:moveTo>
                  <a:cubicBezTo>
                    <a:pt x="62" y="0"/>
                    <a:pt x="0" y="62"/>
                    <a:pt x="0" y="140"/>
                  </a:cubicBezTo>
                  <a:lnTo>
                    <a:pt x="0" y="508"/>
                  </a:lnTo>
                  <a:cubicBezTo>
                    <a:pt x="0" y="585"/>
                    <a:pt x="62" y="647"/>
                    <a:pt x="139" y="647"/>
                  </a:cubicBezTo>
                  <a:cubicBezTo>
                    <a:pt x="216" y="647"/>
                    <a:pt x="278" y="585"/>
                    <a:pt x="278" y="508"/>
                  </a:cubicBezTo>
                  <a:lnTo>
                    <a:pt x="278" y="140"/>
                  </a:lnTo>
                  <a:cubicBezTo>
                    <a:pt x="278" y="62"/>
                    <a:pt x="216" y="0"/>
                    <a:pt x="139"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2" name="Google Shape;162;p19"/>
            <p:cNvSpPr/>
            <p:nvPr/>
          </p:nvSpPr>
          <p:spPr>
            <a:xfrm flipH="1">
              <a:off x="5366177" y="2762316"/>
              <a:ext cx="18445" cy="44095"/>
            </a:xfrm>
            <a:custGeom>
              <a:avLst/>
              <a:gdLst/>
              <a:ahLst/>
              <a:cxnLst/>
              <a:rect l="l" t="t" r="r" b="b"/>
              <a:pathLst>
                <a:path w="280" h="648" extrusionOk="0">
                  <a:moveTo>
                    <a:pt x="140" y="0"/>
                  </a:moveTo>
                  <a:cubicBezTo>
                    <a:pt x="64" y="0"/>
                    <a:pt x="1" y="62"/>
                    <a:pt x="1" y="140"/>
                  </a:cubicBezTo>
                  <a:lnTo>
                    <a:pt x="1" y="508"/>
                  </a:lnTo>
                  <a:cubicBezTo>
                    <a:pt x="1" y="585"/>
                    <a:pt x="63" y="647"/>
                    <a:pt x="140" y="647"/>
                  </a:cubicBezTo>
                  <a:cubicBezTo>
                    <a:pt x="217" y="647"/>
                    <a:pt x="280" y="585"/>
                    <a:pt x="280" y="508"/>
                  </a:cubicBezTo>
                  <a:lnTo>
                    <a:pt x="280" y="140"/>
                  </a:lnTo>
                  <a:cubicBezTo>
                    <a:pt x="280" y="62"/>
                    <a:pt x="217"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 name="Google Shape;163;p19"/>
            <p:cNvSpPr/>
            <p:nvPr/>
          </p:nvSpPr>
          <p:spPr>
            <a:xfrm flipH="1">
              <a:off x="5403858" y="2917736"/>
              <a:ext cx="104151" cy="406856"/>
            </a:xfrm>
            <a:custGeom>
              <a:avLst/>
              <a:gdLst/>
              <a:ahLst/>
              <a:cxnLst/>
              <a:rect l="l" t="t" r="r" b="b"/>
              <a:pathLst>
                <a:path w="1581" h="5979" extrusionOk="0">
                  <a:moveTo>
                    <a:pt x="1" y="0"/>
                  </a:moveTo>
                  <a:lnTo>
                    <a:pt x="1" y="5978"/>
                  </a:lnTo>
                  <a:lnTo>
                    <a:pt x="383" y="5978"/>
                  </a:lnTo>
                  <a:lnTo>
                    <a:pt x="383" y="3407"/>
                  </a:lnTo>
                  <a:lnTo>
                    <a:pt x="1198" y="3407"/>
                  </a:lnTo>
                  <a:lnTo>
                    <a:pt x="1198" y="5978"/>
                  </a:lnTo>
                  <a:lnTo>
                    <a:pt x="1580" y="5978"/>
                  </a:lnTo>
                  <a:lnTo>
                    <a:pt x="158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4" name="Google Shape;164;p19"/>
            <p:cNvSpPr/>
            <p:nvPr/>
          </p:nvSpPr>
          <p:spPr>
            <a:xfrm flipH="1">
              <a:off x="5429089" y="3187136"/>
              <a:ext cx="53755" cy="99349"/>
            </a:xfrm>
            <a:custGeom>
              <a:avLst/>
              <a:gdLst/>
              <a:ahLst/>
              <a:cxnLst/>
              <a:rect l="l" t="t" r="r" b="b"/>
              <a:pathLst>
                <a:path w="816" h="1460" extrusionOk="0">
                  <a:moveTo>
                    <a:pt x="0" y="0"/>
                  </a:moveTo>
                  <a:lnTo>
                    <a:pt x="0" y="1460"/>
                  </a:lnTo>
                  <a:lnTo>
                    <a:pt x="816" y="1460"/>
                  </a:lnTo>
                  <a:lnTo>
                    <a:pt x="816"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5" name="Google Shape;165;p19"/>
            <p:cNvSpPr/>
            <p:nvPr/>
          </p:nvSpPr>
          <p:spPr>
            <a:xfrm flipH="1">
              <a:off x="5433305" y="3522134"/>
              <a:ext cx="45257" cy="77234"/>
            </a:xfrm>
            <a:custGeom>
              <a:avLst/>
              <a:gdLst/>
              <a:ahLst/>
              <a:cxnLst/>
              <a:rect l="l" t="t" r="r" b="b"/>
              <a:pathLst>
                <a:path w="687" h="1135" extrusionOk="0">
                  <a:moveTo>
                    <a:pt x="0" y="1"/>
                  </a:moveTo>
                  <a:lnTo>
                    <a:pt x="0" y="1135"/>
                  </a:lnTo>
                  <a:lnTo>
                    <a:pt x="687" y="1135"/>
                  </a:lnTo>
                  <a:lnTo>
                    <a:pt x="68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6" name="Google Shape;166;p19"/>
            <p:cNvSpPr/>
            <p:nvPr/>
          </p:nvSpPr>
          <p:spPr>
            <a:xfrm flipH="1">
              <a:off x="5441408" y="3505463"/>
              <a:ext cx="29052" cy="136231"/>
            </a:xfrm>
            <a:custGeom>
              <a:avLst/>
              <a:gdLst/>
              <a:ahLst/>
              <a:cxnLst/>
              <a:rect l="l" t="t" r="r" b="b"/>
              <a:pathLst>
                <a:path w="441" h="2002" extrusionOk="0">
                  <a:moveTo>
                    <a:pt x="0" y="1"/>
                  </a:moveTo>
                  <a:lnTo>
                    <a:pt x="0" y="2001"/>
                  </a:lnTo>
                  <a:lnTo>
                    <a:pt x="441" y="2001"/>
                  </a:lnTo>
                  <a:lnTo>
                    <a:pt x="44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 name="Google Shape;167;p19"/>
            <p:cNvSpPr/>
            <p:nvPr/>
          </p:nvSpPr>
          <p:spPr>
            <a:xfrm flipH="1">
              <a:off x="5423490" y="3641626"/>
              <a:ext cx="64889" cy="30349"/>
            </a:xfrm>
            <a:custGeom>
              <a:avLst/>
              <a:gdLst/>
              <a:ahLst/>
              <a:cxnLst/>
              <a:rect l="l" t="t" r="r" b="b"/>
              <a:pathLst>
                <a:path w="985" h="446" extrusionOk="0">
                  <a:moveTo>
                    <a:pt x="0" y="0"/>
                  </a:moveTo>
                  <a:lnTo>
                    <a:pt x="0" y="446"/>
                  </a:lnTo>
                  <a:lnTo>
                    <a:pt x="984" y="446"/>
                  </a:lnTo>
                  <a:lnTo>
                    <a:pt x="984"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8" name="Google Shape;168;p19"/>
            <p:cNvSpPr/>
            <p:nvPr/>
          </p:nvSpPr>
          <p:spPr>
            <a:xfrm flipH="1">
              <a:off x="5415848" y="3163864"/>
              <a:ext cx="80172" cy="463676"/>
            </a:xfrm>
            <a:custGeom>
              <a:avLst/>
              <a:gdLst/>
              <a:ahLst/>
              <a:cxnLst/>
              <a:rect l="l" t="t" r="r" b="b"/>
              <a:pathLst>
                <a:path w="1217" h="6814" extrusionOk="0">
                  <a:moveTo>
                    <a:pt x="362" y="0"/>
                  </a:moveTo>
                  <a:lnTo>
                    <a:pt x="362" y="2546"/>
                  </a:lnTo>
                  <a:lnTo>
                    <a:pt x="1" y="2546"/>
                  </a:lnTo>
                  <a:lnTo>
                    <a:pt x="1" y="6813"/>
                  </a:lnTo>
                  <a:lnTo>
                    <a:pt x="265" y="6813"/>
                  </a:lnTo>
                  <a:lnTo>
                    <a:pt x="265" y="4879"/>
                  </a:lnTo>
                  <a:lnTo>
                    <a:pt x="952" y="4879"/>
                  </a:lnTo>
                  <a:lnTo>
                    <a:pt x="952" y="6813"/>
                  </a:lnTo>
                  <a:lnTo>
                    <a:pt x="1216" y="6813"/>
                  </a:lnTo>
                  <a:lnTo>
                    <a:pt x="1216" y="2546"/>
                  </a:lnTo>
                  <a:lnTo>
                    <a:pt x="854" y="2546"/>
                  </a:lnTo>
                  <a:lnTo>
                    <a:pt x="854"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 name="Google Shape;169;p19"/>
            <p:cNvSpPr/>
            <p:nvPr/>
          </p:nvSpPr>
          <p:spPr>
            <a:xfrm flipH="1">
              <a:off x="5392857" y="2226510"/>
              <a:ext cx="126154" cy="210607"/>
            </a:xfrm>
            <a:custGeom>
              <a:avLst/>
              <a:gdLst/>
              <a:ahLst/>
              <a:cxnLst/>
              <a:rect l="l" t="t" r="r" b="b"/>
              <a:pathLst>
                <a:path w="1915" h="3095" extrusionOk="0">
                  <a:moveTo>
                    <a:pt x="0" y="0"/>
                  </a:moveTo>
                  <a:lnTo>
                    <a:pt x="0" y="2943"/>
                  </a:lnTo>
                  <a:cubicBezTo>
                    <a:pt x="3" y="2944"/>
                    <a:pt x="5" y="2945"/>
                    <a:pt x="9" y="2946"/>
                  </a:cubicBezTo>
                  <a:cubicBezTo>
                    <a:pt x="319" y="3047"/>
                    <a:pt x="634" y="3095"/>
                    <a:pt x="943" y="3095"/>
                  </a:cubicBezTo>
                  <a:cubicBezTo>
                    <a:pt x="1277" y="3095"/>
                    <a:pt x="1605" y="3040"/>
                    <a:pt x="1915" y="2936"/>
                  </a:cubicBezTo>
                  <a:lnTo>
                    <a:pt x="1915"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0" name="Google Shape;170;p19"/>
            <p:cNvSpPr/>
            <p:nvPr/>
          </p:nvSpPr>
          <p:spPr>
            <a:xfrm flipH="1">
              <a:off x="5370920" y="2148187"/>
              <a:ext cx="170291" cy="156781"/>
            </a:xfrm>
            <a:custGeom>
              <a:avLst/>
              <a:gdLst/>
              <a:ahLst/>
              <a:cxnLst/>
              <a:rect l="l" t="t" r="r" b="b"/>
              <a:pathLst>
                <a:path w="2585" h="2304" extrusionOk="0">
                  <a:moveTo>
                    <a:pt x="1292" y="0"/>
                  </a:moveTo>
                  <a:cubicBezTo>
                    <a:pt x="807" y="0"/>
                    <a:pt x="356" y="309"/>
                    <a:pt x="198" y="796"/>
                  </a:cubicBezTo>
                  <a:cubicBezTo>
                    <a:pt x="0" y="1401"/>
                    <a:pt x="332" y="2051"/>
                    <a:pt x="937" y="2247"/>
                  </a:cubicBezTo>
                  <a:cubicBezTo>
                    <a:pt x="1055" y="2285"/>
                    <a:pt x="1174" y="2304"/>
                    <a:pt x="1292" y="2304"/>
                  </a:cubicBezTo>
                  <a:cubicBezTo>
                    <a:pt x="1778" y="2304"/>
                    <a:pt x="2230" y="1994"/>
                    <a:pt x="2388" y="1507"/>
                  </a:cubicBezTo>
                  <a:cubicBezTo>
                    <a:pt x="2584" y="902"/>
                    <a:pt x="2254" y="253"/>
                    <a:pt x="1648" y="57"/>
                  </a:cubicBezTo>
                  <a:cubicBezTo>
                    <a:pt x="1530" y="18"/>
                    <a:pt x="1410" y="0"/>
                    <a:pt x="1292"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18.xml><?xml version="1.0" encoding="utf-8"?>
<p:sldLayout xmlns:a="http://schemas.openxmlformats.org/drawingml/2006/main" xmlns:r="http://schemas.openxmlformats.org/officeDocument/2006/relationships" xmlns:p="http://schemas.openxmlformats.org/presentationml/2006/main" matchingName="Background 1">
  <p:cSld name="CUSTOM_9_1">
    <p:bg>
      <p:bgPr>
        <a:solidFill>
          <a:schemeClr val="accent5"/>
        </a:solidFill>
        <a:effectLst/>
      </p:bgPr>
    </p:bg>
    <p:spTree>
      <p:nvGrpSpPr>
        <p:cNvPr id="1" name="Shape 171"/>
        <p:cNvGrpSpPr/>
        <p:nvPr/>
      </p:nvGrpSpPr>
      <p:grpSpPr>
        <a:xfrm>
          <a:off x="0" y="0"/>
          <a:ext cx="0" cy="0"/>
          <a:chOff x="0" y="0"/>
          <a:chExt cx="0" cy="0"/>
        </a:xfrm>
      </p:grpSpPr>
      <p:sp>
        <p:nvSpPr>
          <p:cNvPr id="172" name="Google Shape;172;p20"/>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matchingName="Title and text 1">
  <p:cSld name="Title and text 1">
    <p:spTree>
      <p:nvGrpSpPr>
        <p:cNvPr id="1" name="Shape 497"/>
        <p:cNvGrpSpPr/>
        <p:nvPr/>
      </p:nvGrpSpPr>
      <p:grpSpPr>
        <a:xfrm>
          <a:off x="0" y="0"/>
          <a:ext cx="0" cy="0"/>
          <a:chOff x="0" y="0"/>
          <a:chExt cx="0" cy="0"/>
        </a:xfrm>
      </p:grpSpPr>
      <p:sp>
        <p:nvSpPr>
          <p:cNvPr id="498" name="Google Shape;498;p17"/>
          <p:cNvSpPr txBox="1">
            <a:spLocks noGrp="1"/>
          </p:cNvSpPr>
          <p:nvPr>
            <p:ph type="title"/>
          </p:nvPr>
        </p:nvSpPr>
        <p:spPr>
          <a:xfrm>
            <a:off x="6050850" y="539500"/>
            <a:ext cx="2402100" cy="1146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3000"/>
              <a:buNone/>
              <a:defRPr/>
            </a:lvl2pPr>
            <a:lvl3pPr lvl="2" rtl="0">
              <a:spcBef>
                <a:spcPts val="0"/>
              </a:spcBef>
              <a:spcAft>
                <a:spcPts val="0"/>
              </a:spcAft>
              <a:buSzPts val="3000"/>
              <a:buNone/>
              <a:defRPr/>
            </a:lvl3pPr>
            <a:lvl4pPr lvl="3" rtl="0">
              <a:spcBef>
                <a:spcPts val="0"/>
              </a:spcBef>
              <a:spcAft>
                <a:spcPts val="0"/>
              </a:spcAft>
              <a:buSzPts val="3000"/>
              <a:buNone/>
              <a:defRPr/>
            </a:lvl4pPr>
            <a:lvl5pPr lvl="4" rtl="0">
              <a:spcBef>
                <a:spcPts val="0"/>
              </a:spcBef>
              <a:spcAft>
                <a:spcPts val="0"/>
              </a:spcAft>
              <a:buSzPts val="3000"/>
              <a:buNone/>
              <a:defRPr/>
            </a:lvl5pPr>
            <a:lvl6pPr lvl="5" rtl="0">
              <a:spcBef>
                <a:spcPts val="0"/>
              </a:spcBef>
              <a:spcAft>
                <a:spcPts val="0"/>
              </a:spcAft>
              <a:buSzPts val="3000"/>
              <a:buNone/>
              <a:defRPr/>
            </a:lvl6pPr>
            <a:lvl7pPr lvl="6" rtl="0">
              <a:spcBef>
                <a:spcPts val="0"/>
              </a:spcBef>
              <a:spcAft>
                <a:spcPts val="0"/>
              </a:spcAft>
              <a:buSzPts val="3000"/>
              <a:buNone/>
              <a:defRPr/>
            </a:lvl7pPr>
            <a:lvl8pPr lvl="7" rtl="0">
              <a:spcBef>
                <a:spcPts val="0"/>
              </a:spcBef>
              <a:spcAft>
                <a:spcPts val="0"/>
              </a:spcAft>
              <a:buSzPts val="3000"/>
              <a:buNone/>
              <a:defRPr/>
            </a:lvl8pPr>
            <a:lvl9pPr lvl="8" rtl="0">
              <a:spcBef>
                <a:spcPts val="0"/>
              </a:spcBef>
              <a:spcAft>
                <a:spcPts val="0"/>
              </a:spcAft>
              <a:buSzPts val="3000"/>
              <a:buNone/>
              <a:defRPr/>
            </a:lvl9pPr>
          </a:lstStyle>
          <a:p>
            <a:endParaRPr/>
          </a:p>
        </p:txBody>
      </p:sp>
      <p:sp>
        <p:nvSpPr>
          <p:cNvPr id="499" name="Google Shape;499;p17"/>
          <p:cNvSpPr txBox="1">
            <a:spLocks noGrp="1"/>
          </p:cNvSpPr>
          <p:nvPr>
            <p:ph type="subTitle" idx="1"/>
          </p:nvPr>
        </p:nvSpPr>
        <p:spPr>
          <a:xfrm>
            <a:off x="6050850" y="1591600"/>
            <a:ext cx="2402100" cy="1084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200"/>
              <a:buNone/>
              <a:defRPr/>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500" name="Google Shape;500;p17"/>
          <p:cNvSpPr>
            <a:spLocks noGrp="1"/>
          </p:cNvSpPr>
          <p:nvPr>
            <p:ph type="pic" idx="2"/>
          </p:nvPr>
        </p:nvSpPr>
        <p:spPr>
          <a:xfrm>
            <a:off x="713225" y="554676"/>
            <a:ext cx="2801100" cy="4049400"/>
          </a:xfrm>
          <a:prstGeom prst="rect">
            <a:avLst/>
          </a:prstGeom>
          <a:noFill/>
          <a:ln w="9525" cap="flat" cmpd="sng">
            <a:solidFill>
              <a:schemeClr val="accent6"/>
            </a:solidFill>
            <a:prstDash val="solid"/>
            <a:round/>
            <a:headEnd type="none" w="sm" len="sm"/>
            <a:tailEnd type="none" w="sm" len="sm"/>
          </a:ln>
        </p:spPr>
      </p:sp>
      <p:sp>
        <p:nvSpPr>
          <p:cNvPr id="501" name="Google Shape;501;p17"/>
          <p:cNvSpPr>
            <a:spLocks noGrp="1"/>
          </p:cNvSpPr>
          <p:nvPr>
            <p:ph type="pic" idx="3"/>
          </p:nvPr>
        </p:nvSpPr>
        <p:spPr>
          <a:xfrm>
            <a:off x="3671775" y="539500"/>
            <a:ext cx="2304300" cy="1971600"/>
          </a:xfrm>
          <a:prstGeom prst="rect">
            <a:avLst/>
          </a:prstGeom>
          <a:noFill/>
          <a:ln w="9525" cap="flat" cmpd="sng">
            <a:solidFill>
              <a:schemeClr val="accent6"/>
            </a:solidFill>
            <a:prstDash val="solid"/>
            <a:round/>
            <a:headEnd type="none" w="sm" len="sm"/>
            <a:tailEnd type="none" w="sm" len="sm"/>
          </a:ln>
        </p:spPr>
      </p:sp>
      <p:sp>
        <p:nvSpPr>
          <p:cNvPr id="502" name="Google Shape;502;p17"/>
          <p:cNvSpPr>
            <a:spLocks noGrp="1"/>
          </p:cNvSpPr>
          <p:nvPr>
            <p:ph type="pic" idx="4"/>
          </p:nvPr>
        </p:nvSpPr>
        <p:spPr>
          <a:xfrm>
            <a:off x="3671775" y="2706925"/>
            <a:ext cx="2304300" cy="1897200"/>
          </a:xfrm>
          <a:prstGeom prst="rect">
            <a:avLst/>
          </a:prstGeom>
          <a:noFill/>
          <a:ln w="9525" cap="flat" cmpd="sng">
            <a:solidFill>
              <a:schemeClr val="accent6"/>
            </a:solidFill>
            <a:prstDash val="solid"/>
            <a:round/>
            <a:headEnd type="none" w="sm" len="sm"/>
            <a:tailEnd type="none" w="sm" len="sm"/>
          </a:ln>
        </p:spPr>
      </p:sp>
      <p:sp>
        <p:nvSpPr>
          <p:cNvPr id="503" name="Google Shape;503;p17"/>
          <p:cNvSpPr/>
          <p:nvPr/>
        </p:nvSpPr>
        <p:spPr>
          <a:xfrm>
            <a:off x="8730000" y="1027500"/>
            <a:ext cx="414000" cy="3088500"/>
          </a:xfrm>
          <a:prstGeom prst="rect">
            <a:avLst/>
          </a:pr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504" name="Google Shape;504;p17"/>
          <p:cNvGrpSpPr/>
          <p:nvPr/>
        </p:nvGrpSpPr>
        <p:grpSpPr>
          <a:xfrm>
            <a:off x="141700" y="7"/>
            <a:ext cx="414075" cy="5143031"/>
            <a:chOff x="141700" y="7"/>
            <a:chExt cx="414075" cy="5143031"/>
          </a:xfrm>
        </p:grpSpPr>
        <p:cxnSp>
          <p:nvCxnSpPr>
            <p:cNvPr id="505" name="Google Shape;505;p17"/>
            <p:cNvCxnSpPr/>
            <p:nvPr/>
          </p:nvCxnSpPr>
          <p:spPr>
            <a:xfrm>
              <a:off x="280665" y="1169852"/>
              <a:ext cx="0" cy="239100"/>
            </a:xfrm>
            <a:prstGeom prst="straightConnector1">
              <a:avLst/>
            </a:prstGeom>
            <a:noFill/>
            <a:ln w="9525" cap="flat" cmpd="sng">
              <a:solidFill>
                <a:schemeClr val="accent6"/>
              </a:solidFill>
              <a:prstDash val="solid"/>
              <a:round/>
              <a:headEnd type="none" w="med" len="med"/>
              <a:tailEnd type="none" w="med" len="med"/>
            </a:ln>
          </p:spPr>
        </p:cxnSp>
        <p:sp>
          <p:nvSpPr>
            <p:cNvPr id="506" name="Google Shape;506;p17"/>
            <p:cNvSpPr/>
            <p:nvPr/>
          </p:nvSpPr>
          <p:spPr>
            <a:xfrm rot="10800000">
              <a:off x="166633" y="1363130"/>
              <a:ext cx="228000" cy="166500"/>
            </a:xfrm>
            <a:prstGeom prst="triangle">
              <a:avLst>
                <a:gd name="adj" fmla="val 50000"/>
              </a:avLst>
            </a:prstGeom>
            <a:noFill/>
            <a:ln w="9525" cap="flat" cmpd="sng">
              <a:solidFill>
                <a:schemeClr val="accent6"/>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07" name="Google Shape;507;p17"/>
            <p:cNvSpPr/>
            <p:nvPr/>
          </p:nvSpPr>
          <p:spPr>
            <a:xfrm rot="5400000">
              <a:off x="166309" y="1153357"/>
              <a:ext cx="62100" cy="62100"/>
            </a:xfrm>
            <a:prstGeom prst="ellipse">
              <a:avLst/>
            </a:prstGeom>
            <a:noFill/>
            <a:ln w="9525" cap="flat" cmpd="sng">
              <a:solidFill>
                <a:schemeClr val="accent6"/>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08" name="Google Shape;508;p17"/>
            <p:cNvSpPr/>
            <p:nvPr/>
          </p:nvSpPr>
          <p:spPr>
            <a:xfrm rot="5400000">
              <a:off x="166309" y="1017312"/>
              <a:ext cx="62100" cy="62100"/>
            </a:xfrm>
            <a:prstGeom prst="ellipse">
              <a:avLst/>
            </a:prstGeom>
            <a:noFill/>
            <a:ln w="9525" cap="flat" cmpd="sng">
              <a:solidFill>
                <a:schemeClr val="accent6"/>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09" name="Google Shape;509;p17"/>
            <p:cNvSpPr/>
            <p:nvPr/>
          </p:nvSpPr>
          <p:spPr>
            <a:xfrm rot="5400000">
              <a:off x="166309" y="881267"/>
              <a:ext cx="62100" cy="62100"/>
            </a:xfrm>
            <a:prstGeom prst="ellipse">
              <a:avLst/>
            </a:prstGeom>
            <a:noFill/>
            <a:ln w="9525" cap="flat" cmpd="sng">
              <a:solidFill>
                <a:schemeClr val="accent6"/>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10" name="Google Shape;510;p17"/>
            <p:cNvSpPr/>
            <p:nvPr/>
          </p:nvSpPr>
          <p:spPr>
            <a:xfrm rot="5400000">
              <a:off x="126144" y="2134731"/>
              <a:ext cx="375598" cy="137131"/>
            </a:xfrm>
            <a:custGeom>
              <a:avLst/>
              <a:gdLst/>
              <a:ahLst/>
              <a:cxnLst/>
              <a:rect l="l" t="t" r="r" b="b"/>
              <a:pathLst>
                <a:path w="16957" h="6191" extrusionOk="0">
                  <a:moveTo>
                    <a:pt x="9617" y="369"/>
                  </a:moveTo>
                  <a:cubicBezTo>
                    <a:pt x="9769" y="369"/>
                    <a:pt x="9845" y="420"/>
                    <a:pt x="9997" y="799"/>
                  </a:cubicBezTo>
                  <a:cubicBezTo>
                    <a:pt x="10098" y="1027"/>
                    <a:pt x="10174" y="1280"/>
                    <a:pt x="10376" y="1483"/>
                  </a:cubicBezTo>
                  <a:cubicBezTo>
                    <a:pt x="10402" y="1533"/>
                    <a:pt x="10478" y="1533"/>
                    <a:pt x="10528" y="1533"/>
                  </a:cubicBezTo>
                  <a:cubicBezTo>
                    <a:pt x="11004" y="1473"/>
                    <a:pt x="11462" y="1442"/>
                    <a:pt x="11902" y="1442"/>
                  </a:cubicBezTo>
                  <a:cubicBezTo>
                    <a:pt x="13661" y="1442"/>
                    <a:pt x="15139" y="1928"/>
                    <a:pt x="16374" y="2900"/>
                  </a:cubicBezTo>
                  <a:lnTo>
                    <a:pt x="16096" y="3153"/>
                  </a:lnTo>
                  <a:cubicBezTo>
                    <a:pt x="16045" y="3204"/>
                    <a:pt x="15995" y="3305"/>
                    <a:pt x="16045" y="3381"/>
                  </a:cubicBezTo>
                  <a:cubicBezTo>
                    <a:pt x="16071" y="3431"/>
                    <a:pt x="16121" y="3507"/>
                    <a:pt x="16223" y="3507"/>
                  </a:cubicBezTo>
                  <a:lnTo>
                    <a:pt x="16552" y="3507"/>
                  </a:lnTo>
                  <a:cubicBezTo>
                    <a:pt x="16552" y="3533"/>
                    <a:pt x="16501" y="3558"/>
                    <a:pt x="16476" y="3634"/>
                  </a:cubicBezTo>
                  <a:cubicBezTo>
                    <a:pt x="15942" y="4346"/>
                    <a:pt x="12946" y="5096"/>
                    <a:pt x="11420" y="5096"/>
                  </a:cubicBezTo>
                  <a:cubicBezTo>
                    <a:pt x="11210" y="5096"/>
                    <a:pt x="11027" y="5082"/>
                    <a:pt x="10883" y="5051"/>
                  </a:cubicBezTo>
                  <a:cubicBezTo>
                    <a:pt x="10781" y="5051"/>
                    <a:pt x="10680" y="5076"/>
                    <a:pt x="10655" y="5178"/>
                  </a:cubicBezTo>
                  <a:cubicBezTo>
                    <a:pt x="10554" y="5456"/>
                    <a:pt x="10427" y="5659"/>
                    <a:pt x="10301" y="5684"/>
                  </a:cubicBezTo>
                  <a:cubicBezTo>
                    <a:pt x="10288" y="5688"/>
                    <a:pt x="10271" y="5690"/>
                    <a:pt x="10251" y="5690"/>
                  </a:cubicBezTo>
                  <a:cubicBezTo>
                    <a:pt x="10156" y="5690"/>
                    <a:pt x="9992" y="5641"/>
                    <a:pt x="9845" y="5557"/>
                  </a:cubicBezTo>
                  <a:lnTo>
                    <a:pt x="10047" y="5304"/>
                  </a:lnTo>
                  <a:cubicBezTo>
                    <a:pt x="10098" y="5228"/>
                    <a:pt x="10123" y="5152"/>
                    <a:pt x="10098" y="5076"/>
                  </a:cubicBezTo>
                  <a:cubicBezTo>
                    <a:pt x="10047" y="5026"/>
                    <a:pt x="9972" y="4950"/>
                    <a:pt x="9896" y="4950"/>
                  </a:cubicBezTo>
                  <a:cubicBezTo>
                    <a:pt x="9162" y="4925"/>
                    <a:pt x="8453" y="4899"/>
                    <a:pt x="7770" y="4798"/>
                  </a:cubicBezTo>
                  <a:cubicBezTo>
                    <a:pt x="7757" y="4794"/>
                    <a:pt x="7743" y="4792"/>
                    <a:pt x="7729" y="4792"/>
                  </a:cubicBezTo>
                  <a:cubicBezTo>
                    <a:pt x="7661" y="4792"/>
                    <a:pt x="7588" y="4841"/>
                    <a:pt x="7567" y="4925"/>
                  </a:cubicBezTo>
                  <a:cubicBezTo>
                    <a:pt x="7491" y="5102"/>
                    <a:pt x="7390" y="5228"/>
                    <a:pt x="7264" y="5304"/>
                  </a:cubicBezTo>
                  <a:cubicBezTo>
                    <a:pt x="7210" y="5322"/>
                    <a:pt x="7156" y="5340"/>
                    <a:pt x="7112" y="5340"/>
                  </a:cubicBezTo>
                  <a:cubicBezTo>
                    <a:pt x="7093" y="5340"/>
                    <a:pt x="7076" y="5337"/>
                    <a:pt x="7061" y="5330"/>
                  </a:cubicBezTo>
                  <a:cubicBezTo>
                    <a:pt x="6960" y="5279"/>
                    <a:pt x="6808" y="5203"/>
                    <a:pt x="6555" y="5152"/>
                  </a:cubicBezTo>
                  <a:cubicBezTo>
                    <a:pt x="6251" y="5051"/>
                    <a:pt x="5745" y="4925"/>
                    <a:pt x="5695" y="4773"/>
                  </a:cubicBezTo>
                  <a:cubicBezTo>
                    <a:pt x="5695" y="4773"/>
                    <a:pt x="5695" y="4722"/>
                    <a:pt x="5720" y="4672"/>
                  </a:cubicBezTo>
                  <a:cubicBezTo>
                    <a:pt x="5745" y="4646"/>
                    <a:pt x="5745" y="4570"/>
                    <a:pt x="5720" y="4520"/>
                  </a:cubicBezTo>
                  <a:cubicBezTo>
                    <a:pt x="5695" y="4444"/>
                    <a:pt x="5669" y="4393"/>
                    <a:pt x="5593" y="4393"/>
                  </a:cubicBezTo>
                  <a:cubicBezTo>
                    <a:pt x="4834" y="4185"/>
                    <a:pt x="4288" y="4087"/>
                    <a:pt x="3831" y="4087"/>
                  </a:cubicBezTo>
                  <a:cubicBezTo>
                    <a:pt x="3007" y="4087"/>
                    <a:pt x="2470" y="4406"/>
                    <a:pt x="1493" y="4975"/>
                  </a:cubicBezTo>
                  <a:cubicBezTo>
                    <a:pt x="1190" y="5152"/>
                    <a:pt x="886" y="5330"/>
                    <a:pt x="532" y="5532"/>
                  </a:cubicBezTo>
                  <a:cubicBezTo>
                    <a:pt x="937" y="4343"/>
                    <a:pt x="1443" y="3938"/>
                    <a:pt x="1443" y="3938"/>
                  </a:cubicBezTo>
                  <a:cubicBezTo>
                    <a:pt x="1544" y="3912"/>
                    <a:pt x="1544" y="3811"/>
                    <a:pt x="1519" y="3710"/>
                  </a:cubicBezTo>
                  <a:cubicBezTo>
                    <a:pt x="1493" y="3685"/>
                    <a:pt x="1114" y="2900"/>
                    <a:pt x="658" y="2141"/>
                  </a:cubicBezTo>
                  <a:lnTo>
                    <a:pt x="658" y="2141"/>
                  </a:lnTo>
                  <a:cubicBezTo>
                    <a:pt x="1291" y="2369"/>
                    <a:pt x="2025" y="2799"/>
                    <a:pt x="2329" y="3027"/>
                  </a:cubicBezTo>
                  <a:cubicBezTo>
                    <a:pt x="2379" y="3052"/>
                    <a:pt x="2379" y="3052"/>
                    <a:pt x="2405" y="3052"/>
                  </a:cubicBezTo>
                  <a:cubicBezTo>
                    <a:pt x="2625" y="3107"/>
                    <a:pt x="2868" y="3131"/>
                    <a:pt x="3128" y="3131"/>
                  </a:cubicBezTo>
                  <a:cubicBezTo>
                    <a:pt x="4179" y="3131"/>
                    <a:pt x="5510" y="2734"/>
                    <a:pt x="6808" y="2369"/>
                  </a:cubicBezTo>
                  <a:cubicBezTo>
                    <a:pt x="7441" y="2166"/>
                    <a:pt x="8023" y="1989"/>
                    <a:pt x="8605" y="1862"/>
                  </a:cubicBezTo>
                  <a:cubicBezTo>
                    <a:pt x="8656" y="1862"/>
                    <a:pt x="8706" y="1812"/>
                    <a:pt x="8731" y="1761"/>
                  </a:cubicBezTo>
                  <a:cubicBezTo>
                    <a:pt x="8757" y="1736"/>
                    <a:pt x="8757" y="1660"/>
                    <a:pt x="8731" y="1609"/>
                  </a:cubicBezTo>
                  <a:cubicBezTo>
                    <a:pt x="8529" y="1103"/>
                    <a:pt x="8782" y="749"/>
                    <a:pt x="9617" y="369"/>
                  </a:cubicBezTo>
                  <a:close/>
                  <a:moveTo>
                    <a:pt x="9655" y="1"/>
                  </a:moveTo>
                  <a:cubicBezTo>
                    <a:pt x="9611" y="1"/>
                    <a:pt x="9565" y="5"/>
                    <a:pt x="9516" y="15"/>
                  </a:cubicBezTo>
                  <a:lnTo>
                    <a:pt x="9491" y="15"/>
                  </a:lnTo>
                  <a:cubicBezTo>
                    <a:pt x="9111" y="167"/>
                    <a:pt x="8124" y="648"/>
                    <a:pt x="8327" y="1533"/>
                  </a:cubicBezTo>
                  <a:cubicBezTo>
                    <a:pt x="7770" y="1685"/>
                    <a:pt x="7213" y="1862"/>
                    <a:pt x="6682" y="2014"/>
                  </a:cubicBezTo>
                  <a:cubicBezTo>
                    <a:pt x="5404" y="2365"/>
                    <a:pt x="4126" y="2765"/>
                    <a:pt x="3149" y="2765"/>
                  </a:cubicBezTo>
                  <a:cubicBezTo>
                    <a:pt x="2926" y="2765"/>
                    <a:pt x="2719" y="2745"/>
                    <a:pt x="2531" y="2698"/>
                  </a:cubicBezTo>
                  <a:cubicBezTo>
                    <a:pt x="2000" y="2369"/>
                    <a:pt x="987" y="1761"/>
                    <a:pt x="279" y="1660"/>
                  </a:cubicBezTo>
                  <a:cubicBezTo>
                    <a:pt x="228" y="1660"/>
                    <a:pt x="127" y="1685"/>
                    <a:pt x="102" y="1761"/>
                  </a:cubicBezTo>
                  <a:cubicBezTo>
                    <a:pt x="51" y="1812"/>
                    <a:pt x="51" y="1913"/>
                    <a:pt x="102" y="1989"/>
                  </a:cubicBezTo>
                  <a:cubicBezTo>
                    <a:pt x="506" y="2622"/>
                    <a:pt x="937" y="3507"/>
                    <a:pt x="1114" y="3811"/>
                  </a:cubicBezTo>
                  <a:cubicBezTo>
                    <a:pt x="886" y="4039"/>
                    <a:pt x="405" y="4672"/>
                    <a:pt x="26" y="5937"/>
                  </a:cubicBezTo>
                  <a:cubicBezTo>
                    <a:pt x="0" y="6038"/>
                    <a:pt x="26" y="6089"/>
                    <a:pt x="102" y="6165"/>
                  </a:cubicBezTo>
                  <a:cubicBezTo>
                    <a:pt x="127" y="6190"/>
                    <a:pt x="177" y="6190"/>
                    <a:pt x="228" y="6190"/>
                  </a:cubicBezTo>
                  <a:lnTo>
                    <a:pt x="279" y="6190"/>
                  </a:lnTo>
                  <a:cubicBezTo>
                    <a:pt x="861" y="5886"/>
                    <a:pt x="1291" y="5633"/>
                    <a:pt x="1671" y="5431"/>
                  </a:cubicBezTo>
                  <a:cubicBezTo>
                    <a:pt x="2643" y="4861"/>
                    <a:pt x="3138" y="4568"/>
                    <a:pt x="3883" y="4568"/>
                  </a:cubicBezTo>
                  <a:cubicBezTo>
                    <a:pt x="4263" y="4568"/>
                    <a:pt x="4708" y="4644"/>
                    <a:pt x="5315" y="4798"/>
                  </a:cubicBezTo>
                  <a:cubicBezTo>
                    <a:pt x="5315" y="4874"/>
                    <a:pt x="5315" y="4950"/>
                    <a:pt x="5340" y="5001"/>
                  </a:cubicBezTo>
                  <a:cubicBezTo>
                    <a:pt x="5467" y="5355"/>
                    <a:pt x="5998" y="5481"/>
                    <a:pt x="6454" y="5608"/>
                  </a:cubicBezTo>
                  <a:cubicBezTo>
                    <a:pt x="6606" y="5684"/>
                    <a:pt x="6808" y="5709"/>
                    <a:pt x="6833" y="5734"/>
                  </a:cubicBezTo>
                  <a:cubicBezTo>
                    <a:pt x="6833" y="5734"/>
                    <a:pt x="6859" y="5760"/>
                    <a:pt x="6884" y="5760"/>
                  </a:cubicBezTo>
                  <a:cubicBezTo>
                    <a:pt x="6966" y="5795"/>
                    <a:pt x="7048" y="5814"/>
                    <a:pt x="7133" y="5814"/>
                  </a:cubicBezTo>
                  <a:cubicBezTo>
                    <a:pt x="7231" y="5814"/>
                    <a:pt x="7332" y="5789"/>
                    <a:pt x="7441" y="5734"/>
                  </a:cubicBezTo>
                  <a:cubicBezTo>
                    <a:pt x="7593" y="5633"/>
                    <a:pt x="7744" y="5481"/>
                    <a:pt x="7846" y="5304"/>
                  </a:cubicBezTo>
                  <a:cubicBezTo>
                    <a:pt x="8352" y="5355"/>
                    <a:pt x="8858" y="5380"/>
                    <a:pt x="9389" y="5431"/>
                  </a:cubicBezTo>
                  <a:lnTo>
                    <a:pt x="9339" y="5481"/>
                  </a:lnTo>
                  <a:cubicBezTo>
                    <a:pt x="9263" y="5507"/>
                    <a:pt x="9263" y="5583"/>
                    <a:pt x="9263" y="5633"/>
                  </a:cubicBezTo>
                  <a:cubicBezTo>
                    <a:pt x="9263" y="5684"/>
                    <a:pt x="9288" y="5734"/>
                    <a:pt x="9364" y="5760"/>
                  </a:cubicBezTo>
                  <a:cubicBezTo>
                    <a:pt x="9663" y="5939"/>
                    <a:pt x="9946" y="6102"/>
                    <a:pt x="10201" y="6102"/>
                  </a:cubicBezTo>
                  <a:cubicBezTo>
                    <a:pt x="10270" y="6102"/>
                    <a:pt x="10337" y="6090"/>
                    <a:pt x="10402" y="6063"/>
                  </a:cubicBezTo>
                  <a:cubicBezTo>
                    <a:pt x="10630" y="5988"/>
                    <a:pt x="10781" y="5810"/>
                    <a:pt x="10933" y="5481"/>
                  </a:cubicBezTo>
                  <a:cubicBezTo>
                    <a:pt x="11050" y="5494"/>
                    <a:pt x="11183" y="5500"/>
                    <a:pt x="11329" y="5500"/>
                  </a:cubicBezTo>
                  <a:cubicBezTo>
                    <a:pt x="12928" y="5500"/>
                    <a:pt x="16105" y="4766"/>
                    <a:pt x="16754" y="3862"/>
                  </a:cubicBezTo>
                  <a:cubicBezTo>
                    <a:pt x="16931" y="3659"/>
                    <a:pt x="16956" y="3431"/>
                    <a:pt x="16830" y="3204"/>
                  </a:cubicBezTo>
                  <a:cubicBezTo>
                    <a:pt x="16830" y="3153"/>
                    <a:pt x="16754" y="3128"/>
                    <a:pt x="16729" y="3128"/>
                  </a:cubicBezTo>
                  <a:lnTo>
                    <a:pt x="16805" y="3052"/>
                  </a:lnTo>
                  <a:cubicBezTo>
                    <a:pt x="16830" y="3027"/>
                    <a:pt x="16855" y="2951"/>
                    <a:pt x="16855" y="2900"/>
                  </a:cubicBezTo>
                  <a:cubicBezTo>
                    <a:pt x="16855" y="2824"/>
                    <a:pt x="16830" y="2773"/>
                    <a:pt x="16805" y="2748"/>
                  </a:cubicBezTo>
                  <a:cubicBezTo>
                    <a:pt x="15442" y="1616"/>
                    <a:pt x="13818" y="1057"/>
                    <a:pt x="11833" y="1057"/>
                  </a:cubicBezTo>
                  <a:cubicBezTo>
                    <a:pt x="11422" y="1057"/>
                    <a:pt x="10996" y="1081"/>
                    <a:pt x="10554" y="1128"/>
                  </a:cubicBezTo>
                  <a:cubicBezTo>
                    <a:pt x="10478" y="1002"/>
                    <a:pt x="10402" y="850"/>
                    <a:pt x="10351" y="673"/>
                  </a:cubicBezTo>
                  <a:cubicBezTo>
                    <a:pt x="10237" y="399"/>
                    <a:pt x="10061" y="1"/>
                    <a:pt x="9655" y="1"/>
                  </a:cubicBez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511" name="Google Shape;511;p17"/>
            <p:cNvGrpSpPr/>
            <p:nvPr/>
          </p:nvGrpSpPr>
          <p:grpSpPr>
            <a:xfrm rot="5400000">
              <a:off x="155657" y="1614409"/>
              <a:ext cx="266287" cy="244447"/>
              <a:chOff x="2176850" y="3199325"/>
              <a:chExt cx="300550" cy="275900"/>
            </a:xfrm>
          </p:grpSpPr>
          <p:sp>
            <p:nvSpPr>
              <p:cNvPr id="512" name="Google Shape;512;p17"/>
              <p:cNvSpPr/>
              <p:nvPr/>
            </p:nvSpPr>
            <p:spPr>
              <a:xfrm>
                <a:off x="2176850" y="3199325"/>
                <a:ext cx="300550" cy="275900"/>
              </a:xfrm>
              <a:custGeom>
                <a:avLst/>
                <a:gdLst/>
                <a:ahLst/>
                <a:cxnLst/>
                <a:rect l="l" t="t" r="r" b="b"/>
                <a:pathLst>
                  <a:path w="12022" h="11036" extrusionOk="0">
                    <a:moveTo>
                      <a:pt x="6276" y="532"/>
                    </a:moveTo>
                    <a:cubicBezTo>
                      <a:pt x="8023" y="532"/>
                      <a:pt x="9668" y="1418"/>
                      <a:pt x="10579" y="3013"/>
                    </a:cubicBezTo>
                    <a:cubicBezTo>
                      <a:pt x="11287" y="4177"/>
                      <a:pt x="11464" y="5493"/>
                      <a:pt x="11135" y="6809"/>
                    </a:cubicBezTo>
                    <a:cubicBezTo>
                      <a:pt x="10781" y="8074"/>
                      <a:pt x="9946" y="9162"/>
                      <a:pt x="8807" y="9846"/>
                    </a:cubicBezTo>
                    <a:cubicBezTo>
                      <a:pt x="8024" y="10309"/>
                      <a:pt x="7160" y="10528"/>
                      <a:pt x="6304" y="10528"/>
                    </a:cubicBezTo>
                    <a:cubicBezTo>
                      <a:pt x="4587" y="10528"/>
                      <a:pt x="2903" y="9645"/>
                      <a:pt x="1974" y="8074"/>
                    </a:cubicBezTo>
                    <a:cubicBezTo>
                      <a:pt x="1291" y="6885"/>
                      <a:pt x="1088" y="5569"/>
                      <a:pt x="1443" y="4278"/>
                    </a:cubicBezTo>
                    <a:cubicBezTo>
                      <a:pt x="1797" y="3013"/>
                      <a:pt x="2607" y="1899"/>
                      <a:pt x="3746" y="1241"/>
                    </a:cubicBezTo>
                    <a:cubicBezTo>
                      <a:pt x="4555" y="760"/>
                      <a:pt x="5441" y="532"/>
                      <a:pt x="6276" y="532"/>
                    </a:cubicBezTo>
                    <a:close/>
                    <a:moveTo>
                      <a:pt x="6287" y="0"/>
                    </a:moveTo>
                    <a:cubicBezTo>
                      <a:pt x="5335" y="0"/>
                      <a:pt x="4372" y="245"/>
                      <a:pt x="3492" y="760"/>
                    </a:cubicBezTo>
                    <a:cubicBezTo>
                      <a:pt x="886" y="2304"/>
                      <a:pt x="0" y="5695"/>
                      <a:pt x="1544" y="8327"/>
                    </a:cubicBezTo>
                    <a:cubicBezTo>
                      <a:pt x="2303" y="9593"/>
                      <a:pt x="3492" y="10478"/>
                      <a:pt x="4935" y="10858"/>
                    </a:cubicBezTo>
                    <a:cubicBezTo>
                      <a:pt x="5391" y="10985"/>
                      <a:pt x="5846" y="11035"/>
                      <a:pt x="6327" y="11035"/>
                    </a:cubicBezTo>
                    <a:cubicBezTo>
                      <a:pt x="7289" y="11035"/>
                      <a:pt x="8250" y="10782"/>
                      <a:pt x="9136" y="10276"/>
                    </a:cubicBezTo>
                    <a:cubicBezTo>
                      <a:pt x="10402" y="9517"/>
                      <a:pt x="11313" y="8302"/>
                      <a:pt x="11667" y="6885"/>
                    </a:cubicBezTo>
                    <a:cubicBezTo>
                      <a:pt x="12021" y="5467"/>
                      <a:pt x="11819" y="3974"/>
                      <a:pt x="11060" y="2709"/>
                    </a:cubicBezTo>
                    <a:cubicBezTo>
                      <a:pt x="10031" y="973"/>
                      <a:pt x="8184" y="0"/>
                      <a:pt x="6287" y="0"/>
                    </a:cubicBez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13" name="Google Shape;513;p17"/>
              <p:cNvSpPr/>
              <p:nvPr/>
            </p:nvSpPr>
            <p:spPr>
              <a:xfrm>
                <a:off x="2248325" y="3265025"/>
                <a:ext cx="52550" cy="104525"/>
              </a:xfrm>
              <a:custGeom>
                <a:avLst/>
                <a:gdLst/>
                <a:ahLst/>
                <a:cxnLst/>
                <a:rect l="l" t="t" r="r" b="b"/>
                <a:pathLst>
                  <a:path w="2102" h="4181" extrusionOk="0">
                    <a:moveTo>
                      <a:pt x="1791" y="0"/>
                    </a:moveTo>
                    <a:cubicBezTo>
                      <a:pt x="1696" y="0"/>
                      <a:pt x="1607" y="65"/>
                      <a:pt x="1570" y="157"/>
                    </a:cubicBezTo>
                    <a:lnTo>
                      <a:pt x="77" y="3801"/>
                    </a:lnTo>
                    <a:cubicBezTo>
                      <a:pt x="1" y="3928"/>
                      <a:pt x="77" y="4080"/>
                      <a:pt x="203" y="4130"/>
                    </a:cubicBezTo>
                    <a:cubicBezTo>
                      <a:pt x="229" y="4181"/>
                      <a:pt x="254" y="4181"/>
                      <a:pt x="304" y="4181"/>
                    </a:cubicBezTo>
                    <a:cubicBezTo>
                      <a:pt x="431" y="4181"/>
                      <a:pt x="507" y="4130"/>
                      <a:pt x="558" y="4004"/>
                    </a:cubicBezTo>
                    <a:lnTo>
                      <a:pt x="2025" y="385"/>
                    </a:lnTo>
                    <a:cubicBezTo>
                      <a:pt x="2101" y="258"/>
                      <a:pt x="2025" y="81"/>
                      <a:pt x="1899" y="30"/>
                    </a:cubicBezTo>
                    <a:cubicBezTo>
                      <a:pt x="1864" y="9"/>
                      <a:pt x="1827" y="0"/>
                      <a:pt x="1791" y="0"/>
                    </a:cubicBez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14" name="Google Shape;514;p17"/>
              <p:cNvSpPr/>
              <p:nvPr/>
            </p:nvSpPr>
            <p:spPr>
              <a:xfrm>
                <a:off x="2367900" y="3302975"/>
                <a:ext cx="52550" cy="104550"/>
              </a:xfrm>
              <a:custGeom>
                <a:avLst/>
                <a:gdLst/>
                <a:ahLst/>
                <a:cxnLst/>
                <a:rect l="l" t="t" r="r" b="b"/>
                <a:pathLst>
                  <a:path w="2102" h="4182" extrusionOk="0">
                    <a:moveTo>
                      <a:pt x="1791" y="1"/>
                    </a:moveTo>
                    <a:cubicBezTo>
                      <a:pt x="1695" y="1"/>
                      <a:pt x="1600" y="66"/>
                      <a:pt x="1545" y="157"/>
                    </a:cubicBezTo>
                    <a:lnTo>
                      <a:pt x="77" y="3802"/>
                    </a:lnTo>
                    <a:cubicBezTo>
                      <a:pt x="1" y="3928"/>
                      <a:pt x="77" y="4080"/>
                      <a:pt x="203" y="4131"/>
                    </a:cubicBezTo>
                    <a:cubicBezTo>
                      <a:pt x="229" y="4181"/>
                      <a:pt x="254" y="4181"/>
                      <a:pt x="279" y="4181"/>
                    </a:cubicBezTo>
                    <a:cubicBezTo>
                      <a:pt x="406" y="4181"/>
                      <a:pt x="507" y="4105"/>
                      <a:pt x="532" y="4004"/>
                    </a:cubicBezTo>
                    <a:lnTo>
                      <a:pt x="2026" y="385"/>
                    </a:lnTo>
                    <a:cubicBezTo>
                      <a:pt x="2101" y="259"/>
                      <a:pt x="2026" y="81"/>
                      <a:pt x="1899" y="31"/>
                    </a:cubicBezTo>
                    <a:cubicBezTo>
                      <a:pt x="1864" y="10"/>
                      <a:pt x="1827" y="1"/>
                      <a:pt x="1791" y="1"/>
                    </a:cubicBez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15" name="Google Shape;515;p17"/>
              <p:cNvSpPr/>
              <p:nvPr/>
            </p:nvSpPr>
            <p:spPr>
              <a:xfrm>
                <a:off x="2294525" y="3259275"/>
                <a:ext cx="75300" cy="173550"/>
              </a:xfrm>
              <a:custGeom>
                <a:avLst/>
                <a:gdLst/>
                <a:ahLst/>
                <a:cxnLst/>
                <a:rect l="l" t="t" r="r" b="b"/>
                <a:pathLst>
                  <a:path w="3012" h="6942" extrusionOk="0">
                    <a:moveTo>
                      <a:pt x="2736" y="1"/>
                    </a:moveTo>
                    <a:cubicBezTo>
                      <a:pt x="2617" y="1"/>
                      <a:pt x="2518" y="54"/>
                      <a:pt x="2455" y="159"/>
                    </a:cubicBezTo>
                    <a:lnTo>
                      <a:pt x="26" y="6562"/>
                    </a:lnTo>
                    <a:cubicBezTo>
                      <a:pt x="0" y="6714"/>
                      <a:pt x="51" y="6840"/>
                      <a:pt x="177" y="6891"/>
                    </a:cubicBezTo>
                    <a:cubicBezTo>
                      <a:pt x="228" y="6942"/>
                      <a:pt x="253" y="6942"/>
                      <a:pt x="279" y="6942"/>
                    </a:cubicBezTo>
                    <a:cubicBezTo>
                      <a:pt x="380" y="6942"/>
                      <a:pt x="481" y="6866"/>
                      <a:pt x="532" y="6739"/>
                    </a:cubicBezTo>
                    <a:lnTo>
                      <a:pt x="2961" y="362"/>
                    </a:lnTo>
                    <a:cubicBezTo>
                      <a:pt x="3012" y="184"/>
                      <a:pt x="2936" y="58"/>
                      <a:pt x="2809" y="7"/>
                    </a:cubicBezTo>
                    <a:cubicBezTo>
                      <a:pt x="2784" y="3"/>
                      <a:pt x="2760" y="1"/>
                      <a:pt x="2736" y="1"/>
                    </a:cubicBez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cxnSp>
          <p:nvCxnSpPr>
            <p:cNvPr id="516" name="Google Shape;516;p17"/>
            <p:cNvCxnSpPr/>
            <p:nvPr/>
          </p:nvCxnSpPr>
          <p:spPr>
            <a:xfrm rot="5400000">
              <a:off x="-364095" y="644707"/>
              <a:ext cx="1289400" cy="0"/>
            </a:xfrm>
            <a:prstGeom prst="straightConnector1">
              <a:avLst/>
            </a:prstGeom>
            <a:noFill/>
            <a:ln w="9525" cap="flat" cmpd="sng">
              <a:solidFill>
                <a:schemeClr val="accent6"/>
              </a:solidFill>
              <a:prstDash val="solid"/>
              <a:round/>
              <a:headEnd type="none" w="med" len="med"/>
              <a:tailEnd type="none" w="med" len="med"/>
            </a:ln>
          </p:spPr>
        </p:cxnSp>
        <p:grpSp>
          <p:nvGrpSpPr>
            <p:cNvPr id="517" name="Google Shape;517;p17"/>
            <p:cNvGrpSpPr/>
            <p:nvPr/>
          </p:nvGrpSpPr>
          <p:grpSpPr>
            <a:xfrm rot="-5400000" flipH="1">
              <a:off x="-869325" y="3717938"/>
              <a:ext cx="2436125" cy="414075"/>
              <a:chOff x="6724925" y="200938"/>
              <a:chExt cx="2436125" cy="414075"/>
            </a:xfrm>
          </p:grpSpPr>
          <p:cxnSp>
            <p:nvCxnSpPr>
              <p:cNvPr id="518" name="Google Shape;518;p17"/>
              <p:cNvCxnSpPr/>
              <p:nvPr/>
            </p:nvCxnSpPr>
            <p:spPr>
              <a:xfrm>
                <a:off x="6730050" y="200938"/>
                <a:ext cx="2414100" cy="0"/>
              </a:xfrm>
              <a:prstGeom prst="straightConnector1">
                <a:avLst/>
              </a:prstGeom>
              <a:noFill/>
              <a:ln w="9525" cap="flat" cmpd="sng">
                <a:solidFill>
                  <a:schemeClr val="accent6"/>
                </a:solidFill>
                <a:prstDash val="solid"/>
                <a:round/>
                <a:headEnd type="none" w="med" len="med"/>
                <a:tailEnd type="none" w="med" len="med"/>
              </a:ln>
            </p:spPr>
          </p:cxnSp>
          <p:sp>
            <p:nvSpPr>
              <p:cNvPr id="519" name="Google Shape;519;p17"/>
              <p:cNvSpPr/>
              <p:nvPr/>
            </p:nvSpPr>
            <p:spPr>
              <a:xfrm>
                <a:off x="6724925" y="348888"/>
                <a:ext cx="2431025" cy="192075"/>
              </a:xfrm>
              <a:custGeom>
                <a:avLst/>
                <a:gdLst/>
                <a:ahLst/>
                <a:cxnLst/>
                <a:rect l="l" t="t" r="r" b="b"/>
                <a:pathLst>
                  <a:path w="97241" h="7683" extrusionOk="0">
                    <a:moveTo>
                      <a:pt x="97241" y="0"/>
                    </a:moveTo>
                    <a:lnTo>
                      <a:pt x="56707" y="0"/>
                    </a:lnTo>
                    <a:lnTo>
                      <a:pt x="43400" y="7683"/>
                    </a:lnTo>
                    <a:lnTo>
                      <a:pt x="0" y="7683"/>
                    </a:lnTo>
                  </a:path>
                </a:pathLst>
              </a:custGeom>
              <a:noFill/>
              <a:ln w="9525" cap="flat" cmpd="sng">
                <a:solidFill>
                  <a:schemeClr val="accent6"/>
                </a:solidFill>
                <a:prstDash val="solid"/>
                <a:round/>
                <a:headEnd type="none" w="med" len="med"/>
                <a:tailEnd type="none" w="med" len="med"/>
              </a:ln>
            </p:spPr>
          </p:sp>
          <p:sp>
            <p:nvSpPr>
              <p:cNvPr id="520" name="Google Shape;520;p17"/>
              <p:cNvSpPr/>
              <p:nvPr/>
            </p:nvSpPr>
            <p:spPr>
              <a:xfrm>
                <a:off x="8501450" y="441300"/>
                <a:ext cx="70200" cy="70200"/>
              </a:xfrm>
              <a:prstGeom prst="ellipse">
                <a:avLst/>
              </a:prstGeom>
              <a:noFill/>
              <a:ln w="9525" cap="flat" cmpd="sng">
                <a:solidFill>
                  <a:schemeClr val="accent6"/>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21" name="Google Shape;521;p17"/>
              <p:cNvSpPr/>
              <p:nvPr/>
            </p:nvSpPr>
            <p:spPr>
              <a:xfrm>
                <a:off x="8347900" y="441300"/>
                <a:ext cx="70200" cy="70200"/>
              </a:xfrm>
              <a:prstGeom prst="ellipse">
                <a:avLst/>
              </a:prstGeom>
              <a:noFill/>
              <a:ln w="9525" cap="flat" cmpd="sng">
                <a:solidFill>
                  <a:schemeClr val="accent6"/>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22" name="Google Shape;522;p17"/>
              <p:cNvSpPr/>
              <p:nvPr/>
            </p:nvSpPr>
            <p:spPr>
              <a:xfrm>
                <a:off x="8194350" y="441300"/>
                <a:ext cx="70200" cy="70200"/>
              </a:xfrm>
              <a:prstGeom prst="ellipse">
                <a:avLst/>
              </a:prstGeom>
              <a:noFill/>
              <a:ln w="9525" cap="flat" cmpd="sng">
                <a:solidFill>
                  <a:schemeClr val="accent6"/>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23" name="Google Shape;523;p17"/>
              <p:cNvSpPr/>
              <p:nvPr/>
            </p:nvSpPr>
            <p:spPr>
              <a:xfrm>
                <a:off x="8637725" y="441300"/>
                <a:ext cx="70200" cy="70200"/>
              </a:xfrm>
              <a:prstGeom prst="ellipse">
                <a:avLst/>
              </a:prstGeom>
              <a:noFill/>
              <a:ln w="9525" cap="flat" cmpd="sng">
                <a:solidFill>
                  <a:schemeClr val="accent6"/>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cxnSp>
            <p:nvCxnSpPr>
              <p:cNvPr id="524" name="Google Shape;524;p17"/>
              <p:cNvCxnSpPr/>
              <p:nvPr/>
            </p:nvCxnSpPr>
            <p:spPr>
              <a:xfrm flipH="1">
                <a:off x="7534875" y="287463"/>
                <a:ext cx="290400" cy="167700"/>
              </a:xfrm>
              <a:prstGeom prst="straightConnector1">
                <a:avLst/>
              </a:prstGeom>
              <a:noFill/>
              <a:ln w="9525" cap="flat" cmpd="sng">
                <a:solidFill>
                  <a:schemeClr val="accent6"/>
                </a:solidFill>
                <a:prstDash val="solid"/>
                <a:round/>
                <a:headEnd type="none" w="med" len="med"/>
                <a:tailEnd type="none" w="med" len="med"/>
              </a:ln>
            </p:spPr>
          </p:cxnSp>
          <p:cxnSp>
            <p:nvCxnSpPr>
              <p:cNvPr id="525" name="Google Shape;525;p17"/>
              <p:cNvCxnSpPr/>
              <p:nvPr/>
            </p:nvCxnSpPr>
            <p:spPr>
              <a:xfrm flipH="1">
                <a:off x="7324688" y="287463"/>
                <a:ext cx="290400" cy="167700"/>
              </a:xfrm>
              <a:prstGeom prst="straightConnector1">
                <a:avLst/>
              </a:prstGeom>
              <a:noFill/>
              <a:ln w="9525" cap="flat" cmpd="sng">
                <a:solidFill>
                  <a:schemeClr val="accent6"/>
                </a:solidFill>
                <a:prstDash val="solid"/>
                <a:round/>
                <a:headEnd type="none" w="med" len="med"/>
                <a:tailEnd type="none" w="med" len="med"/>
              </a:ln>
            </p:spPr>
          </p:cxnSp>
          <p:cxnSp>
            <p:nvCxnSpPr>
              <p:cNvPr id="526" name="Google Shape;526;p17"/>
              <p:cNvCxnSpPr/>
              <p:nvPr/>
            </p:nvCxnSpPr>
            <p:spPr>
              <a:xfrm flipH="1">
                <a:off x="7099488" y="287463"/>
                <a:ext cx="290400" cy="167700"/>
              </a:xfrm>
              <a:prstGeom prst="straightConnector1">
                <a:avLst/>
              </a:prstGeom>
              <a:noFill/>
              <a:ln w="9525" cap="flat" cmpd="sng">
                <a:solidFill>
                  <a:schemeClr val="accent6"/>
                </a:solidFill>
                <a:prstDash val="solid"/>
                <a:round/>
                <a:headEnd type="none" w="med" len="med"/>
                <a:tailEnd type="none" w="med" len="med"/>
              </a:ln>
            </p:spPr>
          </p:cxnSp>
          <p:sp>
            <p:nvSpPr>
              <p:cNvPr id="527" name="Google Shape;527;p17"/>
              <p:cNvSpPr/>
              <p:nvPr/>
            </p:nvSpPr>
            <p:spPr>
              <a:xfrm>
                <a:off x="8838625" y="430763"/>
                <a:ext cx="322425" cy="184250"/>
              </a:xfrm>
              <a:custGeom>
                <a:avLst/>
                <a:gdLst/>
                <a:ahLst/>
                <a:cxnLst/>
                <a:rect l="l" t="t" r="r" b="b"/>
                <a:pathLst>
                  <a:path w="12897" h="7370" extrusionOk="0">
                    <a:moveTo>
                      <a:pt x="12897" y="0"/>
                    </a:moveTo>
                    <a:lnTo>
                      <a:pt x="0" y="0"/>
                    </a:lnTo>
                    <a:lnTo>
                      <a:pt x="0" y="7370"/>
                    </a:lnTo>
                    <a:lnTo>
                      <a:pt x="12693" y="7370"/>
                    </a:lnTo>
                  </a:path>
                </a:pathLst>
              </a:custGeom>
              <a:noFill/>
              <a:ln w="9525" cap="flat" cmpd="sng">
                <a:solidFill>
                  <a:schemeClr val="accent6"/>
                </a:solidFill>
                <a:prstDash val="solid"/>
                <a:round/>
                <a:headEnd type="none" w="med" len="med"/>
                <a:tailEnd type="none" w="med" len="med"/>
              </a:ln>
            </p:spPr>
          </p:sp>
        </p:grpSp>
        <p:sp>
          <p:nvSpPr>
            <p:cNvPr id="528" name="Google Shape;528;p17"/>
            <p:cNvSpPr/>
            <p:nvPr/>
          </p:nvSpPr>
          <p:spPr>
            <a:xfrm rot="5400000">
              <a:off x="126144" y="2630431"/>
              <a:ext cx="375598" cy="137131"/>
            </a:xfrm>
            <a:custGeom>
              <a:avLst/>
              <a:gdLst/>
              <a:ahLst/>
              <a:cxnLst/>
              <a:rect l="l" t="t" r="r" b="b"/>
              <a:pathLst>
                <a:path w="16957" h="6191" extrusionOk="0">
                  <a:moveTo>
                    <a:pt x="9617" y="369"/>
                  </a:moveTo>
                  <a:cubicBezTo>
                    <a:pt x="9769" y="369"/>
                    <a:pt x="9845" y="420"/>
                    <a:pt x="9997" y="799"/>
                  </a:cubicBezTo>
                  <a:cubicBezTo>
                    <a:pt x="10098" y="1027"/>
                    <a:pt x="10174" y="1280"/>
                    <a:pt x="10376" y="1483"/>
                  </a:cubicBezTo>
                  <a:cubicBezTo>
                    <a:pt x="10402" y="1533"/>
                    <a:pt x="10478" y="1533"/>
                    <a:pt x="10528" y="1533"/>
                  </a:cubicBezTo>
                  <a:cubicBezTo>
                    <a:pt x="11004" y="1473"/>
                    <a:pt x="11462" y="1442"/>
                    <a:pt x="11902" y="1442"/>
                  </a:cubicBezTo>
                  <a:cubicBezTo>
                    <a:pt x="13661" y="1442"/>
                    <a:pt x="15139" y="1928"/>
                    <a:pt x="16374" y="2900"/>
                  </a:cubicBezTo>
                  <a:lnTo>
                    <a:pt x="16096" y="3153"/>
                  </a:lnTo>
                  <a:cubicBezTo>
                    <a:pt x="16045" y="3204"/>
                    <a:pt x="15995" y="3305"/>
                    <a:pt x="16045" y="3381"/>
                  </a:cubicBezTo>
                  <a:cubicBezTo>
                    <a:pt x="16071" y="3431"/>
                    <a:pt x="16121" y="3507"/>
                    <a:pt x="16223" y="3507"/>
                  </a:cubicBezTo>
                  <a:lnTo>
                    <a:pt x="16552" y="3507"/>
                  </a:lnTo>
                  <a:cubicBezTo>
                    <a:pt x="16552" y="3533"/>
                    <a:pt x="16501" y="3558"/>
                    <a:pt x="16476" y="3634"/>
                  </a:cubicBezTo>
                  <a:cubicBezTo>
                    <a:pt x="15942" y="4346"/>
                    <a:pt x="12946" y="5096"/>
                    <a:pt x="11420" y="5096"/>
                  </a:cubicBezTo>
                  <a:cubicBezTo>
                    <a:pt x="11210" y="5096"/>
                    <a:pt x="11027" y="5082"/>
                    <a:pt x="10883" y="5051"/>
                  </a:cubicBezTo>
                  <a:cubicBezTo>
                    <a:pt x="10781" y="5051"/>
                    <a:pt x="10680" y="5076"/>
                    <a:pt x="10655" y="5178"/>
                  </a:cubicBezTo>
                  <a:cubicBezTo>
                    <a:pt x="10554" y="5456"/>
                    <a:pt x="10427" y="5659"/>
                    <a:pt x="10301" y="5684"/>
                  </a:cubicBezTo>
                  <a:cubicBezTo>
                    <a:pt x="10288" y="5688"/>
                    <a:pt x="10271" y="5690"/>
                    <a:pt x="10251" y="5690"/>
                  </a:cubicBezTo>
                  <a:cubicBezTo>
                    <a:pt x="10156" y="5690"/>
                    <a:pt x="9992" y="5641"/>
                    <a:pt x="9845" y="5557"/>
                  </a:cubicBezTo>
                  <a:lnTo>
                    <a:pt x="10047" y="5304"/>
                  </a:lnTo>
                  <a:cubicBezTo>
                    <a:pt x="10098" y="5228"/>
                    <a:pt x="10123" y="5152"/>
                    <a:pt x="10098" y="5076"/>
                  </a:cubicBezTo>
                  <a:cubicBezTo>
                    <a:pt x="10047" y="5026"/>
                    <a:pt x="9972" y="4950"/>
                    <a:pt x="9896" y="4950"/>
                  </a:cubicBezTo>
                  <a:cubicBezTo>
                    <a:pt x="9162" y="4925"/>
                    <a:pt x="8453" y="4899"/>
                    <a:pt x="7770" y="4798"/>
                  </a:cubicBezTo>
                  <a:cubicBezTo>
                    <a:pt x="7757" y="4794"/>
                    <a:pt x="7743" y="4792"/>
                    <a:pt x="7729" y="4792"/>
                  </a:cubicBezTo>
                  <a:cubicBezTo>
                    <a:pt x="7661" y="4792"/>
                    <a:pt x="7588" y="4841"/>
                    <a:pt x="7567" y="4925"/>
                  </a:cubicBezTo>
                  <a:cubicBezTo>
                    <a:pt x="7491" y="5102"/>
                    <a:pt x="7390" y="5228"/>
                    <a:pt x="7264" y="5304"/>
                  </a:cubicBezTo>
                  <a:cubicBezTo>
                    <a:pt x="7210" y="5322"/>
                    <a:pt x="7156" y="5340"/>
                    <a:pt x="7112" y="5340"/>
                  </a:cubicBezTo>
                  <a:cubicBezTo>
                    <a:pt x="7093" y="5340"/>
                    <a:pt x="7076" y="5337"/>
                    <a:pt x="7061" y="5330"/>
                  </a:cubicBezTo>
                  <a:cubicBezTo>
                    <a:pt x="6960" y="5279"/>
                    <a:pt x="6808" y="5203"/>
                    <a:pt x="6555" y="5152"/>
                  </a:cubicBezTo>
                  <a:cubicBezTo>
                    <a:pt x="6251" y="5051"/>
                    <a:pt x="5745" y="4925"/>
                    <a:pt x="5695" y="4773"/>
                  </a:cubicBezTo>
                  <a:cubicBezTo>
                    <a:pt x="5695" y="4773"/>
                    <a:pt x="5695" y="4722"/>
                    <a:pt x="5720" y="4672"/>
                  </a:cubicBezTo>
                  <a:cubicBezTo>
                    <a:pt x="5745" y="4646"/>
                    <a:pt x="5745" y="4570"/>
                    <a:pt x="5720" y="4520"/>
                  </a:cubicBezTo>
                  <a:cubicBezTo>
                    <a:pt x="5695" y="4444"/>
                    <a:pt x="5669" y="4393"/>
                    <a:pt x="5593" y="4393"/>
                  </a:cubicBezTo>
                  <a:cubicBezTo>
                    <a:pt x="4834" y="4185"/>
                    <a:pt x="4288" y="4087"/>
                    <a:pt x="3831" y="4087"/>
                  </a:cubicBezTo>
                  <a:cubicBezTo>
                    <a:pt x="3007" y="4087"/>
                    <a:pt x="2470" y="4406"/>
                    <a:pt x="1493" y="4975"/>
                  </a:cubicBezTo>
                  <a:cubicBezTo>
                    <a:pt x="1190" y="5152"/>
                    <a:pt x="886" y="5330"/>
                    <a:pt x="532" y="5532"/>
                  </a:cubicBezTo>
                  <a:cubicBezTo>
                    <a:pt x="937" y="4343"/>
                    <a:pt x="1443" y="3938"/>
                    <a:pt x="1443" y="3938"/>
                  </a:cubicBezTo>
                  <a:cubicBezTo>
                    <a:pt x="1544" y="3912"/>
                    <a:pt x="1544" y="3811"/>
                    <a:pt x="1519" y="3710"/>
                  </a:cubicBezTo>
                  <a:cubicBezTo>
                    <a:pt x="1493" y="3685"/>
                    <a:pt x="1114" y="2900"/>
                    <a:pt x="658" y="2141"/>
                  </a:cubicBezTo>
                  <a:lnTo>
                    <a:pt x="658" y="2141"/>
                  </a:lnTo>
                  <a:cubicBezTo>
                    <a:pt x="1291" y="2369"/>
                    <a:pt x="2025" y="2799"/>
                    <a:pt x="2329" y="3027"/>
                  </a:cubicBezTo>
                  <a:cubicBezTo>
                    <a:pt x="2379" y="3052"/>
                    <a:pt x="2379" y="3052"/>
                    <a:pt x="2405" y="3052"/>
                  </a:cubicBezTo>
                  <a:cubicBezTo>
                    <a:pt x="2625" y="3107"/>
                    <a:pt x="2868" y="3131"/>
                    <a:pt x="3128" y="3131"/>
                  </a:cubicBezTo>
                  <a:cubicBezTo>
                    <a:pt x="4179" y="3131"/>
                    <a:pt x="5510" y="2734"/>
                    <a:pt x="6808" y="2369"/>
                  </a:cubicBezTo>
                  <a:cubicBezTo>
                    <a:pt x="7441" y="2166"/>
                    <a:pt x="8023" y="1989"/>
                    <a:pt x="8605" y="1862"/>
                  </a:cubicBezTo>
                  <a:cubicBezTo>
                    <a:pt x="8656" y="1862"/>
                    <a:pt x="8706" y="1812"/>
                    <a:pt x="8731" y="1761"/>
                  </a:cubicBezTo>
                  <a:cubicBezTo>
                    <a:pt x="8757" y="1736"/>
                    <a:pt x="8757" y="1660"/>
                    <a:pt x="8731" y="1609"/>
                  </a:cubicBezTo>
                  <a:cubicBezTo>
                    <a:pt x="8529" y="1103"/>
                    <a:pt x="8782" y="749"/>
                    <a:pt x="9617" y="369"/>
                  </a:cubicBezTo>
                  <a:close/>
                  <a:moveTo>
                    <a:pt x="9655" y="1"/>
                  </a:moveTo>
                  <a:cubicBezTo>
                    <a:pt x="9611" y="1"/>
                    <a:pt x="9565" y="5"/>
                    <a:pt x="9516" y="15"/>
                  </a:cubicBezTo>
                  <a:lnTo>
                    <a:pt x="9491" y="15"/>
                  </a:lnTo>
                  <a:cubicBezTo>
                    <a:pt x="9111" y="167"/>
                    <a:pt x="8124" y="648"/>
                    <a:pt x="8327" y="1533"/>
                  </a:cubicBezTo>
                  <a:cubicBezTo>
                    <a:pt x="7770" y="1685"/>
                    <a:pt x="7213" y="1862"/>
                    <a:pt x="6682" y="2014"/>
                  </a:cubicBezTo>
                  <a:cubicBezTo>
                    <a:pt x="5404" y="2365"/>
                    <a:pt x="4126" y="2765"/>
                    <a:pt x="3149" y="2765"/>
                  </a:cubicBezTo>
                  <a:cubicBezTo>
                    <a:pt x="2926" y="2765"/>
                    <a:pt x="2719" y="2745"/>
                    <a:pt x="2531" y="2698"/>
                  </a:cubicBezTo>
                  <a:cubicBezTo>
                    <a:pt x="2000" y="2369"/>
                    <a:pt x="987" y="1761"/>
                    <a:pt x="279" y="1660"/>
                  </a:cubicBezTo>
                  <a:cubicBezTo>
                    <a:pt x="228" y="1660"/>
                    <a:pt x="127" y="1685"/>
                    <a:pt x="102" y="1761"/>
                  </a:cubicBezTo>
                  <a:cubicBezTo>
                    <a:pt x="51" y="1812"/>
                    <a:pt x="51" y="1913"/>
                    <a:pt x="102" y="1989"/>
                  </a:cubicBezTo>
                  <a:cubicBezTo>
                    <a:pt x="506" y="2622"/>
                    <a:pt x="937" y="3507"/>
                    <a:pt x="1114" y="3811"/>
                  </a:cubicBezTo>
                  <a:cubicBezTo>
                    <a:pt x="886" y="4039"/>
                    <a:pt x="405" y="4672"/>
                    <a:pt x="26" y="5937"/>
                  </a:cubicBezTo>
                  <a:cubicBezTo>
                    <a:pt x="0" y="6038"/>
                    <a:pt x="26" y="6089"/>
                    <a:pt x="102" y="6165"/>
                  </a:cubicBezTo>
                  <a:cubicBezTo>
                    <a:pt x="127" y="6190"/>
                    <a:pt x="177" y="6190"/>
                    <a:pt x="228" y="6190"/>
                  </a:cubicBezTo>
                  <a:lnTo>
                    <a:pt x="279" y="6190"/>
                  </a:lnTo>
                  <a:cubicBezTo>
                    <a:pt x="861" y="5886"/>
                    <a:pt x="1291" y="5633"/>
                    <a:pt x="1671" y="5431"/>
                  </a:cubicBezTo>
                  <a:cubicBezTo>
                    <a:pt x="2643" y="4861"/>
                    <a:pt x="3138" y="4568"/>
                    <a:pt x="3883" y="4568"/>
                  </a:cubicBezTo>
                  <a:cubicBezTo>
                    <a:pt x="4263" y="4568"/>
                    <a:pt x="4708" y="4644"/>
                    <a:pt x="5315" y="4798"/>
                  </a:cubicBezTo>
                  <a:cubicBezTo>
                    <a:pt x="5315" y="4874"/>
                    <a:pt x="5315" y="4950"/>
                    <a:pt x="5340" y="5001"/>
                  </a:cubicBezTo>
                  <a:cubicBezTo>
                    <a:pt x="5467" y="5355"/>
                    <a:pt x="5998" y="5481"/>
                    <a:pt x="6454" y="5608"/>
                  </a:cubicBezTo>
                  <a:cubicBezTo>
                    <a:pt x="6606" y="5684"/>
                    <a:pt x="6808" y="5709"/>
                    <a:pt x="6833" y="5734"/>
                  </a:cubicBezTo>
                  <a:cubicBezTo>
                    <a:pt x="6833" y="5734"/>
                    <a:pt x="6859" y="5760"/>
                    <a:pt x="6884" y="5760"/>
                  </a:cubicBezTo>
                  <a:cubicBezTo>
                    <a:pt x="6966" y="5795"/>
                    <a:pt x="7048" y="5814"/>
                    <a:pt x="7133" y="5814"/>
                  </a:cubicBezTo>
                  <a:cubicBezTo>
                    <a:pt x="7231" y="5814"/>
                    <a:pt x="7332" y="5789"/>
                    <a:pt x="7441" y="5734"/>
                  </a:cubicBezTo>
                  <a:cubicBezTo>
                    <a:pt x="7593" y="5633"/>
                    <a:pt x="7744" y="5481"/>
                    <a:pt x="7846" y="5304"/>
                  </a:cubicBezTo>
                  <a:cubicBezTo>
                    <a:pt x="8352" y="5355"/>
                    <a:pt x="8858" y="5380"/>
                    <a:pt x="9389" y="5431"/>
                  </a:cubicBezTo>
                  <a:lnTo>
                    <a:pt x="9339" y="5481"/>
                  </a:lnTo>
                  <a:cubicBezTo>
                    <a:pt x="9263" y="5507"/>
                    <a:pt x="9263" y="5583"/>
                    <a:pt x="9263" y="5633"/>
                  </a:cubicBezTo>
                  <a:cubicBezTo>
                    <a:pt x="9263" y="5684"/>
                    <a:pt x="9288" y="5734"/>
                    <a:pt x="9364" y="5760"/>
                  </a:cubicBezTo>
                  <a:cubicBezTo>
                    <a:pt x="9663" y="5939"/>
                    <a:pt x="9946" y="6102"/>
                    <a:pt x="10201" y="6102"/>
                  </a:cubicBezTo>
                  <a:cubicBezTo>
                    <a:pt x="10270" y="6102"/>
                    <a:pt x="10337" y="6090"/>
                    <a:pt x="10402" y="6063"/>
                  </a:cubicBezTo>
                  <a:cubicBezTo>
                    <a:pt x="10630" y="5988"/>
                    <a:pt x="10781" y="5810"/>
                    <a:pt x="10933" y="5481"/>
                  </a:cubicBezTo>
                  <a:cubicBezTo>
                    <a:pt x="11050" y="5494"/>
                    <a:pt x="11183" y="5500"/>
                    <a:pt x="11329" y="5500"/>
                  </a:cubicBezTo>
                  <a:cubicBezTo>
                    <a:pt x="12928" y="5500"/>
                    <a:pt x="16105" y="4766"/>
                    <a:pt x="16754" y="3862"/>
                  </a:cubicBezTo>
                  <a:cubicBezTo>
                    <a:pt x="16931" y="3659"/>
                    <a:pt x="16956" y="3431"/>
                    <a:pt x="16830" y="3204"/>
                  </a:cubicBezTo>
                  <a:cubicBezTo>
                    <a:pt x="16830" y="3153"/>
                    <a:pt x="16754" y="3128"/>
                    <a:pt x="16729" y="3128"/>
                  </a:cubicBezTo>
                  <a:lnTo>
                    <a:pt x="16805" y="3052"/>
                  </a:lnTo>
                  <a:cubicBezTo>
                    <a:pt x="16830" y="3027"/>
                    <a:pt x="16855" y="2951"/>
                    <a:pt x="16855" y="2900"/>
                  </a:cubicBezTo>
                  <a:cubicBezTo>
                    <a:pt x="16855" y="2824"/>
                    <a:pt x="16830" y="2773"/>
                    <a:pt x="16805" y="2748"/>
                  </a:cubicBezTo>
                  <a:cubicBezTo>
                    <a:pt x="15442" y="1616"/>
                    <a:pt x="13818" y="1057"/>
                    <a:pt x="11833" y="1057"/>
                  </a:cubicBezTo>
                  <a:cubicBezTo>
                    <a:pt x="11422" y="1057"/>
                    <a:pt x="10996" y="1081"/>
                    <a:pt x="10554" y="1128"/>
                  </a:cubicBezTo>
                  <a:cubicBezTo>
                    <a:pt x="10478" y="1002"/>
                    <a:pt x="10402" y="850"/>
                    <a:pt x="10351" y="673"/>
                  </a:cubicBezTo>
                  <a:cubicBezTo>
                    <a:pt x="10237" y="399"/>
                    <a:pt x="10061" y="1"/>
                    <a:pt x="9655" y="1"/>
                  </a:cubicBez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Tree>
    <p:extLst>
      <p:ext uri="{BB962C8B-B14F-4D97-AF65-F5344CB8AC3E}">
        <p14:creationId xmlns:p14="http://schemas.microsoft.com/office/powerpoint/2010/main" val="2833498368"/>
      </p:ext>
    </p:extLst>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12"/>
        <p:cNvGrpSpPr/>
        <p:nvPr/>
      </p:nvGrpSpPr>
      <p:grpSpPr>
        <a:xfrm>
          <a:off x="0" y="0"/>
          <a:ext cx="0" cy="0"/>
          <a:chOff x="0" y="0"/>
          <a:chExt cx="0" cy="0"/>
        </a:xfrm>
      </p:grpSpPr>
      <p:sp>
        <p:nvSpPr>
          <p:cNvPr id="13" name="Google Shape;13;p3"/>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 name="Google Shape;14;p3"/>
          <p:cNvSpPr txBox="1">
            <a:spLocks noGrp="1"/>
          </p:cNvSpPr>
          <p:nvPr>
            <p:ph type="title"/>
          </p:nvPr>
        </p:nvSpPr>
        <p:spPr>
          <a:xfrm>
            <a:off x="720000" y="2702250"/>
            <a:ext cx="4104000" cy="923400"/>
          </a:xfrm>
          <a:prstGeom prst="rect">
            <a:avLst/>
          </a:prstGeom>
        </p:spPr>
        <p:txBody>
          <a:bodyPr spcFirstLastPara="1" wrap="square" lIns="91425" tIns="91425" rIns="91425" bIns="91425" anchor="t" anchorCtr="0">
            <a:noAutofit/>
          </a:bodyPr>
          <a:lstStyle>
            <a:lvl1pPr lvl="0">
              <a:spcBef>
                <a:spcPts val="0"/>
              </a:spcBef>
              <a:spcAft>
                <a:spcPts val="0"/>
              </a:spcAft>
              <a:buSzPts val="3600"/>
              <a:buNone/>
              <a:defRPr sz="4000"/>
            </a:lvl1pPr>
            <a:lvl2pPr lvl="1" algn="ctr">
              <a:spcBef>
                <a:spcPts val="0"/>
              </a:spcBef>
              <a:spcAft>
                <a:spcPts val="0"/>
              </a:spcAft>
              <a:buSzPts val="3600"/>
              <a:buNone/>
              <a:defRPr sz="3600"/>
            </a:lvl2pPr>
            <a:lvl3pPr lvl="2" algn="ctr">
              <a:spcBef>
                <a:spcPts val="0"/>
              </a:spcBef>
              <a:spcAft>
                <a:spcPts val="0"/>
              </a:spcAft>
              <a:buSzPts val="3600"/>
              <a:buNone/>
              <a:defRPr sz="3600"/>
            </a:lvl3pPr>
            <a:lvl4pPr lvl="3" algn="ctr">
              <a:spcBef>
                <a:spcPts val="0"/>
              </a:spcBef>
              <a:spcAft>
                <a:spcPts val="0"/>
              </a:spcAft>
              <a:buSzPts val="3600"/>
              <a:buNone/>
              <a:defRPr sz="3600"/>
            </a:lvl4pPr>
            <a:lvl5pPr lvl="4" algn="ctr">
              <a:spcBef>
                <a:spcPts val="0"/>
              </a:spcBef>
              <a:spcAft>
                <a:spcPts val="0"/>
              </a:spcAft>
              <a:buSzPts val="3600"/>
              <a:buNone/>
              <a:defRPr sz="3600"/>
            </a:lvl5pPr>
            <a:lvl6pPr lvl="5" algn="ctr">
              <a:spcBef>
                <a:spcPts val="0"/>
              </a:spcBef>
              <a:spcAft>
                <a:spcPts val="0"/>
              </a:spcAft>
              <a:buSzPts val="3600"/>
              <a:buNone/>
              <a:defRPr sz="3600"/>
            </a:lvl6pPr>
            <a:lvl7pPr lvl="6" algn="ctr">
              <a:spcBef>
                <a:spcPts val="0"/>
              </a:spcBef>
              <a:spcAft>
                <a:spcPts val="0"/>
              </a:spcAft>
              <a:buSzPts val="3600"/>
              <a:buNone/>
              <a:defRPr sz="3600"/>
            </a:lvl7pPr>
            <a:lvl8pPr lvl="7" algn="ctr">
              <a:spcBef>
                <a:spcPts val="0"/>
              </a:spcBef>
              <a:spcAft>
                <a:spcPts val="0"/>
              </a:spcAft>
              <a:buSzPts val="3600"/>
              <a:buNone/>
              <a:defRPr sz="3600"/>
            </a:lvl8pPr>
            <a:lvl9pPr lvl="8" algn="ctr">
              <a:spcBef>
                <a:spcPts val="0"/>
              </a:spcBef>
              <a:spcAft>
                <a:spcPts val="0"/>
              </a:spcAft>
              <a:buSzPts val="3600"/>
              <a:buNone/>
              <a:defRPr sz="3600"/>
            </a:lvl9pPr>
          </a:lstStyle>
          <a:p>
            <a:endParaRPr/>
          </a:p>
        </p:txBody>
      </p:sp>
      <p:sp>
        <p:nvSpPr>
          <p:cNvPr id="15" name="Google Shape;15;p3"/>
          <p:cNvSpPr txBox="1">
            <a:spLocks noGrp="1"/>
          </p:cNvSpPr>
          <p:nvPr>
            <p:ph type="title" idx="2" hasCustomPrompt="1"/>
          </p:nvPr>
        </p:nvSpPr>
        <p:spPr>
          <a:xfrm>
            <a:off x="720000" y="1517850"/>
            <a:ext cx="1080000" cy="1108200"/>
          </a:xfrm>
          <a:prstGeom prst="rect">
            <a:avLst/>
          </a:prstGeom>
          <a:noFill/>
        </p:spPr>
        <p:txBody>
          <a:bodyPr spcFirstLastPara="1" wrap="square" lIns="91425" tIns="91425" rIns="91425" bIns="91425" anchor="ctr" anchorCtr="0">
            <a:noAutofit/>
          </a:bodyPr>
          <a:lstStyle>
            <a:lvl1pPr lvl="0" rtl="0">
              <a:spcBef>
                <a:spcPts val="0"/>
              </a:spcBef>
              <a:spcAft>
                <a:spcPts val="0"/>
              </a:spcAft>
              <a:buClr>
                <a:schemeClr val="lt1"/>
              </a:buClr>
              <a:buSzPts val="6000"/>
              <a:buNone/>
              <a:defRPr sz="6000"/>
            </a:lvl1pPr>
            <a:lvl2pPr lvl="1" algn="ctr" rtl="0">
              <a:spcBef>
                <a:spcPts val="0"/>
              </a:spcBef>
              <a:spcAft>
                <a:spcPts val="0"/>
              </a:spcAft>
              <a:buClr>
                <a:schemeClr val="lt1"/>
              </a:buClr>
              <a:buSzPts val="6000"/>
              <a:buNone/>
              <a:defRPr sz="6000">
                <a:solidFill>
                  <a:schemeClr val="lt1"/>
                </a:solidFill>
              </a:defRPr>
            </a:lvl2pPr>
            <a:lvl3pPr lvl="2" algn="ctr" rtl="0">
              <a:spcBef>
                <a:spcPts val="0"/>
              </a:spcBef>
              <a:spcAft>
                <a:spcPts val="0"/>
              </a:spcAft>
              <a:buClr>
                <a:schemeClr val="lt1"/>
              </a:buClr>
              <a:buSzPts val="6000"/>
              <a:buNone/>
              <a:defRPr sz="6000">
                <a:solidFill>
                  <a:schemeClr val="lt1"/>
                </a:solidFill>
              </a:defRPr>
            </a:lvl3pPr>
            <a:lvl4pPr lvl="3" algn="ctr" rtl="0">
              <a:spcBef>
                <a:spcPts val="0"/>
              </a:spcBef>
              <a:spcAft>
                <a:spcPts val="0"/>
              </a:spcAft>
              <a:buClr>
                <a:schemeClr val="lt1"/>
              </a:buClr>
              <a:buSzPts val="6000"/>
              <a:buNone/>
              <a:defRPr sz="6000">
                <a:solidFill>
                  <a:schemeClr val="lt1"/>
                </a:solidFill>
              </a:defRPr>
            </a:lvl4pPr>
            <a:lvl5pPr lvl="4" algn="ctr" rtl="0">
              <a:spcBef>
                <a:spcPts val="0"/>
              </a:spcBef>
              <a:spcAft>
                <a:spcPts val="0"/>
              </a:spcAft>
              <a:buClr>
                <a:schemeClr val="lt1"/>
              </a:buClr>
              <a:buSzPts val="6000"/>
              <a:buNone/>
              <a:defRPr sz="6000">
                <a:solidFill>
                  <a:schemeClr val="lt1"/>
                </a:solidFill>
              </a:defRPr>
            </a:lvl5pPr>
            <a:lvl6pPr lvl="5" algn="ctr" rtl="0">
              <a:spcBef>
                <a:spcPts val="0"/>
              </a:spcBef>
              <a:spcAft>
                <a:spcPts val="0"/>
              </a:spcAft>
              <a:buClr>
                <a:schemeClr val="lt1"/>
              </a:buClr>
              <a:buSzPts val="6000"/>
              <a:buNone/>
              <a:defRPr sz="6000">
                <a:solidFill>
                  <a:schemeClr val="lt1"/>
                </a:solidFill>
              </a:defRPr>
            </a:lvl6pPr>
            <a:lvl7pPr lvl="6" algn="ctr" rtl="0">
              <a:spcBef>
                <a:spcPts val="0"/>
              </a:spcBef>
              <a:spcAft>
                <a:spcPts val="0"/>
              </a:spcAft>
              <a:buClr>
                <a:schemeClr val="lt1"/>
              </a:buClr>
              <a:buSzPts val="6000"/>
              <a:buNone/>
              <a:defRPr sz="6000">
                <a:solidFill>
                  <a:schemeClr val="lt1"/>
                </a:solidFill>
              </a:defRPr>
            </a:lvl7pPr>
            <a:lvl8pPr lvl="7" algn="ctr" rtl="0">
              <a:spcBef>
                <a:spcPts val="0"/>
              </a:spcBef>
              <a:spcAft>
                <a:spcPts val="0"/>
              </a:spcAft>
              <a:buClr>
                <a:schemeClr val="lt1"/>
              </a:buClr>
              <a:buSzPts val="6000"/>
              <a:buNone/>
              <a:defRPr sz="6000">
                <a:solidFill>
                  <a:schemeClr val="lt1"/>
                </a:solidFill>
              </a:defRPr>
            </a:lvl8pPr>
            <a:lvl9pPr lvl="8" algn="ctr" rtl="0">
              <a:spcBef>
                <a:spcPts val="0"/>
              </a:spcBef>
              <a:spcAft>
                <a:spcPts val="0"/>
              </a:spcAft>
              <a:buClr>
                <a:schemeClr val="lt1"/>
              </a:buClr>
              <a:buSzPts val="6000"/>
              <a:buNone/>
              <a:defRPr sz="6000">
                <a:solidFill>
                  <a:schemeClr val="lt1"/>
                </a:solidFill>
              </a:defRPr>
            </a:lvl9pPr>
          </a:lstStyle>
          <a:p>
            <a:r>
              <a:t>xx%</a:t>
            </a: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and body" type="tx">
  <p:cSld name="TITLE_AND_BODY">
    <p:spTree>
      <p:nvGrpSpPr>
        <p:cNvPr id="1" name="Shape 16"/>
        <p:cNvGrpSpPr/>
        <p:nvPr/>
      </p:nvGrpSpPr>
      <p:grpSpPr>
        <a:xfrm>
          <a:off x="0" y="0"/>
          <a:ext cx="0" cy="0"/>
          <a:chOff x="0" y="0"/>
          <a:chExt cx="0" cy="0"/>
        </a:xfrm>
      </p:grpSpPr>
      <p:sp>
        <p:nvSpPr>
          <p:cNvPr id="17" name="Google Shape;17;p4"/>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 name="Google Shape;18;p4"/>
          <p:cNvSpPr txBox="1">
            <a:spLocks noGrp="1"/>
          </p:cNvSpPr>
          <p:nvPr>
            <p:ph type="title"/>
          </p:nvPr>
        </p:nvSpPr>
        <p:spPr>
          <a:xfrm>
            <a:off x="720000" y="539500"/>
            <a:ext cx="7704000" cy="646500"/>
          </a:xfrm>
          <a:prstGeom prst="rect">
            <a:avLst/>
          </a:prstGeom>
        </p:spPr>
        <p:txBody>
          <a:bodyPr spcFirstLastPara="1" wrap="square" lIns="91425" tIns="91425" rIns="91425" bIns="91425" anchor="t" anchorCtr="0">
            <a:noAutofit/>
          </a:bodyPr>
          <a:lstStyle>
            <a:lvl1pPr lvl="0" rtl="0">
              <a:spcBef>
                <a:spcPts val="0"/>
              </a:spcBef>
              <a:spcAft>
                <a:spcPts val="0"/>
              </a:spcAft>
              <a:buSzPts val="3000"/>
              <a:buNone/>
              <a:defRPr/>
            </a:lvl1pPr>
            <a:lvl2pPr lvl="1" rtl="0">
              <a:spcBef>
                <a:spcPts val="0"/>
              </a:spcBef>
              <a:spcAft>
                <a:spcPts val="0"/>
              </a:spcAft>
              <a:buSzPts val="3000"/>
              <a:buNone/>
              <a:defRPr/>
            </a:lvl2pPr>
            <a:lvl3pPr lvl="2" rtl="0">
              <a:spcBef>
                <a:spcPts val="0"/>
              </a:spcBef>
              <a:spcAft>
                <a:spcPts val="0"/>
              </a:spcAft>
              <a:buSzPts val="3000"/>
              <a:buNone/>
              <a:defRPr/>
            </a:lvl3pPr>
            <a:lvl4pPr lvl="3" rtl="0">
              <a:spcBef>
                <a:spcPts val="0"/>
              </a:spcBef>
              <a:spcAft>
                <a:spcPts val="0"/>
              </a:spcAft>
              <a:buSzPts val="3000"/>
              <a:buNone/>
              <a:defRPr/>
            </a:lvl4pPr>
            <a:lvl5pPr lvl="4" rtl="0">
              <a:spcBef>
                <a:spcPts val="0"/>
              </a:spcBef>
              <a:spcAft>
                <a:spcPts val="0"/>
              </a:spcAft>
              <a:buSzPts val="3000"/>
              <a:buNone/>
              <a:defRPr/>
            </a:lvl5pPr>
            <a:lvl6pPr lvl="5" rtl="0">
              <a:spcBef>
                <a:spcPts val="0"/>
              </a:spcBef>
              <a:spcAft>
                <a:spcPts val="0"/>
              </a:spcAft>
              <a:buSzPts val="3000"/>
              <a:buNone/>
              <a:defRPr/>
            </a:lvl6pPr>
            <a:lvl7pPr lvl="6" rtl="0">
              <a:spcBef>
                <a:spcPts val="0"/>
              </a:spcBef>
              <a:spcAft>
                <a:spcPts val="0"/>
              </a:spcAft>
              <a:buSzPts val="3000"/>
              <a:buNone/>
              <a:defRPr/>
            </a:lvl7pPr>
            <a:lvl8pPr lvl="7" rtl="0">
              <a:spcBef>
                <a:spcPts val="0"/>
              </a:spcBef>
              <a:spcAft>
                <a:spcPts val="0"/>
              </a:spcAft>
              <a:buSzPts val="3000"/>
              <a:buNone/>
              <a:defRPr/>
            </a:lvl8pPr>
            <a:lvl9pPr lvl="8" rtl="0">
              <a:spcBef>
                <a:spcPts val="0"/>
              </a:spcBef>
              <a:spcAft>
                <a:spcPts val="0"/>
              </a:spcAft>
              <a:buSzPts val="3000"/>
              <a:buNone/>
              <a:defRPr/>
            </a:lvl9pPr>
          </a:lstStyle>
          <a:p>
            <a:endParaRPr/>
          </a:p>
        </p:txBody>
      </p:sp>
      <p:sp>
        <p:nvSpPr>
          <p:cNvPr id="19" name="Google Shape;19;p4"/>
          <p:cNvSpPr txBox="1">
            <a:spLocks noGrp="1"/>
          </p:cNvSpPr>
          <p:nvPr>
            <p:ph type="body" idx="1"/>
          </p:nvPr>
        </p:nvSpPr>
        <p:spPr>
          <a:xfrm>
            <a:off x="720000" y="1338400"/>
            <a:ext cx="7704000" cy="3265500"/>
          </a:xfrm>
          <a:prstGeom prst="rect">
            <a:avLst/>
          </a:prstGeom>
        </p:spPr>
        <p:txBody>
          <a:bodyPr spcFirstLastPara="1" wrap="square" lIns="91425" tIns="91425" rIns="91425" bIns="91425" anchor="t" anchorCtr="0">
            <a:noAutofit/>
          </a:bodyPr>
          <a:lstStyle>
            <a:lvl1pPr marL="457200" lvl="0" indent="-304800" rtl="0">
              <a:lnSpc>
                <a:spcPct val="100000"/>
              </a:lnSpc>
              <a:spcBef>
                <a:spcPts val="0"/>
              </a:spcBef>
              <a:spcAft>
                <a:spcPts val="0"/>
              </a:spcAft>
              <a:buClr>
                <a:schemeClr val="accent1"/>
              </a:buClr>
              <a:buSzPts val="1200"/>
              <a:buFont typeface="Nunito Light"/>
              <a:buChar char="●"/>
              <a:defRPr/>
            </a:lvl1pPr>
            <a:lvl2pPr marL="914400" lvl="1" indent="-304800" rtl="0">
              <a:lnSpc>
                <a:spcPct val="100000"/>
              </a:lnSpc>
              <a:spcBef>
                <a:spcPts val="0"/>
              </a:spcBef>
              <a:spcAft>
                <a:spcPts val="0"/>
              </a:spcAft>
              <a:buSzPts val="1200"/>
              <a:buFont typeface="Nunito Light"/>
              <a:buChar char="○"/>
              <a:defRPr/>
            </a:lvl2pPr>
            <a:lvl3pPr marL="1371600" lvl="2" indent="-304800" rtl="0">
              <a:lnSpc>
                <a:spcPct val="100000"/>
              </a:lnSpc>
              <a:spcBef>
                <a:spcPts val="0"/>
              </a:spcBef>
              <a:spcAft>
                <a:spcPts val="0"/>
              </a:spcAft>
              <a:buSzPts val="1200"/>
              <a:buFont typeface="Nunito Light"/>
              <a:buChar char="■"/>
              <a:defRPr/>
            </a:lvl3pPr>
            <a:lvl4pPr marL="1828800" lvl="3" indent="-304800" rtl="0">
              <a:lnSpc>
                <a:spcPct val="100000"/>
              </a:lnSpc>
              <a:spcBef>
                <a:spcPts val="0"/>
              </a:spcBef>
              <a:spcAft>
                <a:spcPts val="0"/>
              </a:spcAft>
              <a:buSzPts val="1200"/>
              <a:buFont typeface="Nunito Light"/>
              <a:buChar char="●"/>
              <a:defRPr/>
            </a:lvl4pPr>
            <a:lvl5pPr marL="2286000" lvl="4" indent="-304800" rtl="0">
              <a:lnSpc>
                <a:spcPct val="100000"/>
              </a:lnSpc>
              <a:spcBef>
                <a:spcPts val="0"/>
              </a:spcBef>
              <a:spcAft>
                <a:spcPts val="0"/>
              </a:spcAft>
              <a:buSzPts val="1200"/>
              <a:buFont typeface="Nunito Light"/>
              <a:buChar char="○"/>
              <a:defRPr/>
            </a:lvl5pPr>
            <a:lvl6pPr marL="2743200" lvl="5" indent="-304800" rtl="0">
              <a:lnSpc>
                <a:spcPct val="100000"/>
              </a:lnSpc>
              <a:spcBef>
                <a:spcPts val="0"/>
              </a:spcBef>
              <a:spcAft>
                <a:spcPts val="0"/>
              </a:spcAft>
              <a:buSzPts val="1200"/>
              <a:buFont typeface="Nunito Light"/>
              <a:buChar char="■"/>
              <a:defRPr/>
            </a:lvl6pPr>
            <a:lvl7pPr marL="3200400" lvl="6" indent="-304800" rtl="0">
              <a:lnSpc>
                <a:spcPct val="100000"/>
              </a:lnSpc>
              <a:spcBef>
                <a:spcPts val="0"/>
              </a:spcBef>
              <a:spcAft>
                <a:spcPts val="0"/>
              </a:spcAft>
              <a:buSzPts val="1200"/>
              <a:buFont typeface="Nunito Light"/>
              <a:buChar char="●"/>
              <a:defRPr/>
            </a:lvl7pPr>
            <a:lvl8pPr marL="3657600" lvl="7" indent="-304800" rtl="0">
              <a:lnSpc>
                <a:spcPct val="100000"/>
              </a:lnSpc>
              <a:spcBef>
                <a:spcPts val="0"/>
              </a:spcBef>
              <a:spcAft>
                <a:spcPts val="0"/>
              </a:spcAft>
              <a:buSzPts val="1200"/>
              <a:buFont typeface="Nunito Light"/>
              <a:buChar char="○"/>
              <a:defRPr/>
            </a:lvl8pPr>
            <a:lvl9pPr marL="4114800" lvl="8" indent="-304800" rtl="0">
              <a:lnSpc>
                <a:spcPct val="100000"/>
              </a:lnSpc>
              <a:spcBef>
                <a:spcPts val="0"/>
              </a:spcBef>
              <a:spcAft>
                <a:spcPts val="0"/>
              </a:spcAft>
              <a:buSzPts val="1200"/>
              <a:buFont typeface="Nunito Light"/>
              <a:buChar char="■"/>
              <a:defRPr/>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Title and two columns" type="twoColTx">
  <p:cSld name="TITLE_AND_TWO_COLUMNS">
    <p:spTree>
      <p:nvGrpSpPr>
        <p:cNvPr id="1" name="Shape 20"/>
        <p:cNvGrpSpPr/>
        <p:nvPr/>
      </p:nvGrpSpPr>
      <p:grpSpPr>
        <a:xfrm>
          <a:off x="0" y="0"/>
          <a:ext cx="0" cy="0"/>
          <a:chOff x="0" y="0"/>
          <a:chExt cx="0" cy="0"/>
        </a:xfrm>
      </p:grpSpPr>
      <p:sp>
        <p:nvSpPr>
          <p:cNvPr id="21" name="Google Shape;21;p5"/>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 name="Google Shape;22;p5"/>
          <p:cNvSpPr txBox="1">
            <a:spLocks noGrp="1"/>
          </p:cNvSpPr>
          <p:nvPr>
            <p:ph type="title"/>
          </p:nvPr>
        </p:nvSpPr>
        <p:spPr>
          <a:xfrm>
            <a:off x="720000" y="539500"/>
            <a:ext cx="7704000" cy="646500"/>
          </a:xfrm>
          <a:prstGeom prst="rect">
            <a:avLst/>
          </a:prstGeom>
        </p:spPr>
        <p:txBody>
          <a:bodyPr spcFirstLastPara="1" wrap="square" lIns="91425" tIns="91425" rIns="91425" bIns="91425" anchor="t" anchorCtr="0">
            <a:noAutofit/>
          </a:bodyPr>
          <a:lstStyle>
            <a:lvl1pPr lvl="0" rtl="0">
              <a:spcBef>
                <a:spcPts val="0"/>
              </a:spcBef>
              <a:spcAft>
                <a:spcPts val="0"/>
              </a:spcAft>
              <a:buSzPts val="3000"/>
              <a:buNone/>
              <a:defRPr/>
            </a:lvl1pPr>
            <a:lvl2pPr lvl="1" rtl="0">
              <a:spcBef>
                <a:spcPts val="0"/>
              </a:spcBef>
              <a:spcAft>
                <a:spcPts val="0"/>
              </a:spcAft>
              <a:buSzPts val="3000"/>
              <a:buNone/>
              <a:defRPr/>
            </a:lvl2pPr>
            <a:lvl3pPr lvl="2" rtl="0">
              <a:spcBef>
                <a:spcPts val="0"/>
              </a:spcBef>
              <a:spcAft>
                <a:spcPts val="0"/>
              </a:spcAft>
              <a:buSzPts val="3000"/>
              <a:buNone/>
              <a:defRPr/>
            </a:lvl3pPr>
            <a:lvl4pPr lvl="3" rtl="0">
              <a:spcBef>
                <a:spcPts val="0"/>
              </a:spcBef>
              <a:spcAft>
                <a:spcPts val="0"/>
              </a:spcAft>
              <a:buSzPts val="3000"/>
              <a:buNone/>
              <a:defRPr/>
            </a:lvl4pPr>
            <a:lvl5pPr lvl="4" rtl="0">
              <a:spcBef>
                <a:spcPts val="0"/>
              </a:spcBef>
              <a:spcAft>
                <a:spcPts val="0"/>
              </a:spcAft>
              <a:buSzPts val="3000"/>
              <a:buNone/>
              <a:defRPr/>
            </a:lvl5pPr>
            <a:lvl6pPr lvl="5" rtl="0">
              <a:spcBef>
                <a:spcPts val="0"/>
              </a:spcBef>
              <a:spcAft>
                <a:spcPts val="0"/>
              </a:spcAft>
              <a:buSzPts val="3000"/>
              <a:buNone/>
              <a:defRPr/>
            </a:lvl6pPr>
            <a:lvl7pPr lvl="6" rtl="0">
              <a:spcBef>
                <a:spcPts val="0"/>
              </a:spcBef>
              <a:spcAft>
                <a:spcPts val="0"/>
              </a:spcAft>
              <a:buSzPts val="3000"/>
              <a:buNone/>
              <a:defRPr/>
            </a:lvl7pPr>
            <a:lvl8pPr lvl="7" rtl="0">
              <a:spcBef>
                <a:spcPts val="0"/>
              </a:spcBef>
              <a:spcAft>
                <a:spcPts val="0"/>
              </a:spcAft>
              <a:buSzPts val="3000"/>
              <a:buNone/>
              <a:defRPr/>
            </a:lvl8pPr>
            <a:lvl9pPr lvl="8" rtl="0">
              <a:spcBef>
                <a:spcPts val="0"/>
              </a:spcBef>
              <a:spcAft>
                <a:spcPts val="0"/>
              </a:spcAft>
              <a:buSzPts val="3000"/>
              <a:buNone/>
              <a:defRPr/>
            </a:lvl9pPr>
          </a:lstStyle>
          <a:p>
            <a:endParaRPr/>
          </a:p>
        </p:txBody>
      </p:sp>
      <p:sp>
        <p:nvSpPr>
          <p:cNvPr id="23" name="Google Shape;23;p5"/>
          <p:cNvSpPr txBox="1">
            <a:spLocks noGrp="1"/>
          </p:cNvSpPr>
          <p:nvPr>
            <p:ph type="subTitle" idx="1"/>
          </p:nvPr>
        </p:nvSpPr>
        <p:spPr>
          <a:xfrm>
            <a:off x="4776000" y="2348999"/>
            <a:ext cx="3240000" cy="14760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b="0"/>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24" name="Google Shape;24;p5"/>
          <p:cNvSpPr txBox="1">
            <a:spLocks noGrp="1"/>
          </p:cNvSpPr>
          <p:nvPr>
            <p:ph type="subTitle" idx="2"/>
          </p:nvPr>
        </p:nvSpPr>
        <p:spPr>
          <a:xfrm>
            <a:off x="1128000" y="2348999"/>
            <a:ext cx="3240000" cy="14775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b="0"/>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
        <p:nvSpPr>
          <p:cNvPr id="25" name="Google Shape;25;p5"/>
          <p:cNvSpPr txBox="1">
            <a:spLocks noGrp="1"/>
          </p:cNvSpPr>
          <p:nvPr>
            <p:ph type="subTitle" idx="3"/>
          </p:nvPr>
        </p:nvSpPr>
        <p:spPr>
          <a:xfrm>
            <a:off x="1128000" y="1963507"/>
            <a:ext cx="3240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
        <p:nvSpPr>
          <p:cNvPr id="26" name="Google Shape;26;p5"/>
          <p:cNvSpPr txBox="1">
            <a:spLocks noGrp="1"/>
          </p:cNvSpPr>
          <p:nvPr>
            <p:ph type="subTitle" idx="4"/>
          </p:nvPr>
        </p:nvSpPr>
        <p:spPr>
          <a:xfrm>
            <a:off x="4776000" y="1963507"/>
            <a:ext cx="3240000" cy="461700"/>
          </a:xfrm>
          <a:prstGeom prst="rect">
            <a:avLst/>
          </a:prstGeom>
        </p:spPr>
        <p:txBody>
          <a:bodyPr spcFirstLastPara="1" wrap="square" lIns="91425" tIns="91425" rIns="91425" bIns="91425" anchor="b" anchorCtr="0">
            <a:noAutofit/>
          </a:bodyPr>
          <a:lstStyle>
            <a:lvl1pPr lvl="0" rtl="0">
              <a:lnSpc>
                <a:spcPct val="100000"/>
              </a:lnSpc>
              <a:spcBef>
                <a:spcPts val="0"/>
              </a:spcBef>
              <a:spcAft>
                <a:spcPts val="0"/>
              </a:spcAft>
              <a:buSzPts val="2400"/>
              <a:buFont typeface="Work Sans Black"/>
              <a:buNone/>
              <a:defRPr sz="1800">
                <a:solidFill>
                  <a:schemeClr val="dk1"/>
                </a:solidFill>
                <a:latin typeface="Work Sans Black"/>
                <a:ea typeface="Work Sans Black"/>
                <a:cs typeface="Work Sans Black"/>
                <a:sym typeface="Work Sans Black"/>
              </a:defRPr>
            </a:lvl1pPr>
            <a:lvl2pPr lvl="1"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2pPr>
            <a:lvl3pPr lvl="2"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3pPr>
            <a:lvl4pPr lvl="3"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4pPr>
            <a:lvl5pPr lvl="4"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5pPr>
            <a:lvl6pPr lvl="5"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6pPr>
            <a:lvl7pPr lvl="6"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7pPr>
            <a:lvl8pPr lvl="7"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8pPr>
            <a:lvl9pPr lvl="8" algn="ctr" rtl="0">
              <a:lnSpc>
                <a:spcPct val="100000"/>
              </a:lnSpc>
              <a:spcBef>
                <a:spcPts val="0"/>
              </a:spcBef>
              <a:spcAft>
                <a:spcPts val="0"/>
              </a:spcAft>
              <a:buSzPts val="2400"/>
              <a:buFont typeface="Work Sans Black"/>
              <a:buNone/>
              <a:defRPr sz="2400">
                <a:latin typeface="Work Sans Black"/>
                <a:ea typeface="Work Sans Black"/>
                <a:cs typeface="Work Sans Black"/>
                <a:sym typeface="Work Sans Black"/>
              </a:defRPr>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27"/>
        <p:cNvGrpSpPr/>
        <p:nvPr/>
      </p:nvGrpSpPr>
      <p:grpSpPr>
        <a:xfrm>
          <a:off x="0" y="0"/>
          <a:ext cx="0" cy="0"/>
          <a:chOff x="0" y="0"/>
          <a:chExt cx="0" cy="0"/>
        </a:xfrm>
      </p:grpSpPr>
      <p:sp>
        <p:nvSpPr>
          <p:cNvPr id="28" name="Google Shape;28;p6"/>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 name="Google Shape;29;p6"/>
          <p:cNvSpPr txBox="1">
            <a:spLocks noGrp="1"/>
          </p:cNvSpPr>
          <p:nvPr>
            <p:ph type="title"/>
          </p:nvPr>
        </p:nvSpPr>
        <p:spPr>
          <a:xfrm>
            <a:off x="720000" y="539500"/>
            <a:ext cx="7704000" cy="646500"/>
          </a:xfrm>
          <a:prstGeom prst="rect">
            <a:avLst/>
          </a:prstGeom>
        </p:spPr>
        <p:txBody>
          <a:bodyPr spcFirstLastPara="1" wrap="square" lIns="91425" tIns="91425" rIns="91425" bIns="91425" anchor="t" anchorCtr="0">
            <a:noAutofit/>
          </a:bodyPr>
          <a:lstStyle>
            <a:lvl1pPr lvl="0" rtl="0">
              <a:spcBef>
                <a:spcPts val="0"/>
              </a:spcBef>
              <a:spcAft>
                <a:spcPts val="0"/>
              </a:spcAft>
              <a:buSzPts val="3000"/>
              <a:buNone/>
              <a:defRPr/>
            </a:lvl1pPr>
            <a:lvl2pPr lvl="1" rtl="0">
              <a:spcBef>
                <a:spcPts val="0"/>
              </a:spcBef>
              <a:spcAft>
                <a:spcPts val="0"/>
              </a:spcAft>
              <a:buSzPts val="3000"/>
              <a:buNone/>
              <a:defRPr/>
            </a:lvl2pPr>
            <a:lvl3pPr lvl="2" rtl="0">
              <a:spcBef>
                <a:spcPts val="0"/>
              </a:spcBef>
              <a:spcAft>
                <a:spcPts val="0"/>
              </a:spcAft>
              <a:buSzPts val="3000"/>
              <a:buNone/>
              <a:defRPr/>
            </a:lvl3pPr>
            <a:lvl4pPr lvl="3" rtl="0">
              <a:spcBef>
                <a:spcPts val="0"/>
              </a:spcBef>
              <a:spcAft>
                <a:spcPts val="0"/>
              </a:spcAft>
              <a:buSzPts val="3000"/>
              <a:buNone/>
              <a:defRPr/>
            </a:lvl4pPr>
            <a:lvl5pPr lvl="4" rtl="0">
              <a:spcBef>
                <a:spcPts val="0"/>
              </a:spcBef>
              <a:spcAft>
                <a:spcPts val="0"/>
              </a:spcAft>
              <a:buSzPts val="3000"/>
              <a:buNone/>
              <a:defRPr/>
            </a:lvl5pPr>
            <a:lvl6pPr lvl="5" rtl="0">
              <a:spcBef>
                <a:spcPts val="0"/>
              </a:spcBef>
              <a:spcAft>
                <a:spcPts val="0"/>
              </a:spcAft>
              <a:buSzPts val="3000"/>
              <a:buNone/>
              <a:defRPr/>
            </a:lvl6pPr>
            <a:lvl7pPr lvl="6" rtl="0">
              <a:spcBef>
                <a:spcPts val="0"/>
              </a:spcBef>
              <a:spcAft>
                <a:spcPts val="0"/>
              </a:spcAft>
              <a:buSzPts val="3000"/>
              <a:buNone/>
              <a:defRPr/>
            </a:lvl7pPr>
            <a:lvl8pPr lvl="7" rtl="0">
              <a:spcBef>
                <a:spcPts val="0"/>
              </a:spcBef>
              <a:spcAft>
                <a:spcPts val="0"/>
              </a:spcAft>
              <a:buSzPts val="3000"/>
              <a:buNone/>
              <a:defRPr/>
            </a:lvl8pPr>
            <a:lvl9pPr lvl="8" rtl="0">
              <a:spcBef>
                <a:spcPts val="0"/>
              </a:spcBef>
              <a:spcAft>
                <a:spcPts val="0"/>
              </a:spcAft>
              <a:buSzPts val="3000"/>
              <a:buNone/>
              <a:defRPr/>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One column text">
  <p:cSld name="ONE_COLUMN_TEXT">
    <p:spTree>
      <p:nvGrpSpPr>
        <p:cNvPr id="1" name="Shape 30"/>
        <p:cNvGrpSpPr/>
        <p:nvPr/>
      </p:nvGrpSpPr>
      <p:grpSpPr>
        <a:xfrm>
          <a:off x="0" y="0"/>
          <a:ext cx="0" cy="0"/>
          <a:chOff x="0" y="0"/>
          <a:chExt cx="0" cy="0"/>
        </a:xfrm>
      </p:grpSpPr>
      <p:sp>
        <p:nvSpPr>
          <p:cNvPr id="31" name="Google Shape;31;p7"/>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 name="Google Shape;32;p7"/>
          <p:cNvSpPr txBox="1">
            <a:spLocks noGrp="1"/>
          </p:cNvSpPr>
          <p:nvPr>
            <p:ph type="title"/>
          </p:nvPr>
        </p:nvSpPr>
        <p:spPr>
          <a:xfrm>
            <a:off x="720000" y="539500"/>
            <a:ext cx="4320000" cy="646500"/>
          </a:xfrm>
          <a:prstGeom prst="rect">
            <a:avLst/>
          </a:prstGeom>
        </p:spPr>
        <p:txBody>
          <a:bodyPr spcFirstLastPara="1" wrap="square" lIns="91425" tIns="91425" rIns="91425" bIns="91425" anchor="b" anchorCtr="0">
            <a:noAutofit/>
          </a:bodyPr>
          <a:lstStyle>
            <a:lvl1pPr lvl="0" rtl="0">
              <a:spcBef>
                <a:spcPts val="0"/>
              </a:spcBef>
              <a:spcAft>
                <a:spcPts val="0"/>
              </a:spcAft>
              <a:buSzPts val="3000"/>
              <a:buNone/>
              <a:defRPr/>
            </a:lvl1pPr>
            <a:lvl2pPr lvl="1" rtl="0">
              <a:spcBef>
                <a:spcPts val="0"/>
              </a:spcBef>
              <a:spcAft>
                <a:spcPts val="0"/>
              </a:spcAft>
              <a:buSzPts val="3000"/>
              <a:buNone/>
              <a:defRPr/>
            </a:lvl2pPr>
            <a:lvl3pPr lvl="2" rtl="0">
              <a:spcBef>
                <a:spcPts val="0"/>
              </a:spcBef>
              <a:spcAft>
                <a:spcPts val="0"/>
              </a:spcAft>
              <a:buSzPts val="3000"/>
              <a:buNone/>
              <a:defRPr/>
            </a:lvl3pPr>
            <a:lvl4pPr lvl="3" rtl="0">
              <a:spcBef>
                <a:spcPts val="0"/>
              </a:spcBef>
              <a:spcAft>
                <a:spcPts val="0"/>
              </a:spcAft>
              <a:buSzPts val="3000"/>
              <a:buNone/>
              <a:defRPr/>
            </a:lvl4pPr>
            <a:lvl5pPr lvl="4" rtl="0">
              <a:spcBef>
                <a:spcPts val="0"/>
              </a:spcBef>
              <a:spcAft>
                <a:spcPts val="0"/>
              </a:spcAft>
              <a:buSzPts val="3000"/>
              <a:buNone/>
              <a:defRPr/>
            </a:lvl5pPr>
            <a:lvl6pPr lvl="5" rtl="0">
              <a:spcBef>
                <a:spcPts val="0"/>
              </a:spcBef>
              <a:spcAft>
                <a:spcPts val="0"/>
              </a:spcAft>
              <a:buSzPts val="3000"/>
              <a:buNone/>
              <a:defRPr/>
            </a:lvl6pPr>
            <a:lvl7pPr lvl="6" rtl="0">
              <a:spcBef>
                <a:spcPts val="0"/>
              </a:spcBef>
              <a:spcAft>
                <a:spcPts val="0"/>
              </a:spcAft>
              <a:buSzPts val="3000"/>
              <a:buNone/>
              <a:defRPr/>
            </a:lvl7pPr>
            <a:lvl8pPr lvl="7" rtl="0">
              <a:spcBef>
                <a:spcPts val="0"/>
              </a:spcBef>
              <a:spcAft>
                <a:spcPts val="0"/>
              </a:spcAft>
              <a:buSzPts val="3000"/>
              <a:buNone/>
              <a:defRPr/>
            </a:lvl8pPr>
            <a:lvl9pPr lvl="8" rtl="0">
              <a:spcBef>
                <a:spcPts val="0"/>
              </a:spcBef>
              <a:spcAft>
                <a:spcPts val="0"/>
              </a:spcAft>
              <a:buSzPts val="3000"/>
              <a:buNone/>
              <a:defRPr/>
            </a:lvl9pPr>
          </a:lstStyle>
          <a:p>
            <a:endParaRPr/>
          </a:p>
        </p:txBody>
      </p:sp>
      <p:sp>
        <p:nvSpPr>
          <p:cNvPr id="33" name="Google Shape;33;p7"/>
          <p:cNvSpPr txBox="1">
            <a:spLocks noGrp="1"/>
          </p:cNvSpPr>
          <p:nvPr>
            <p:ph type="subTitle" idx="1"/>
          </p:nvPr>
        </p:nvSpPr>
        <p:spPr>
          <a:xfrm>
            <a:off x="720000" y="1713450"/>
            <a:ext cx="4320000" cy="24012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Clr>
                <a:schemeClr val="accent1"/>
              </a:buClr>
              <a:buSzPts val="1200"/>
              <a:buChar char="●"/>
              <a:defRPr/>
            </a:lvl1pPr>
            <a:lvl2pPr lvl="1" algn="ctr" rtl="0">
              <a:lnSpc>
                <a:spcPct val="100000"/>
              </a:lnSpc>
              <a:spcBef>
                <a:spcPts val="0"/>
              </a:spcBef>
              <a:spcAft>
                <a:spcPts val="0"/>
              </a:spcAft>
              <a:buClr>
                <a:srgbClr val="E76A28"/>
              </a:buClr>
              <a:buSzPts val="1200"/>
              <a:buFont typeface="Nunito Light"/>
              <a:buChar char="○"/>
              <a:defRPr/>
            </a:lvl2pPr>
            <a:lvl3pPr lvl="2" algn="ctr" rtl="0">
              <a:lnSpc>
                <a:spcPct val="100000"/>
              </a:lnSpc>
              <a:spcBef>
                <a:spcPts val="0"/>
              </a:spcBef>
              <a:spcAft>
                <a:spcPts val="0"/>
              </a:spcAft>
              <a:buClr>
                <a:srgbClr val="E76A28"/>
              </a:buClr>
              <a:buSzPts val="1200"/>
              <a:buFont typeface="Nunito Light"/>
              <a:buChar char="■"/>
              <a:defRPr/>
            </a:lvl3pPr>
            <a:lvl4pPr lvl="3" algn="ctr" rtl="0">
              <a:lnSpc>
                <a:spcPct val="100000"/>
              </a:lnSpc>
              <a:spcBef>
                <a:spcPts val="0"/>
              </a:spcBef>
              <a:spcAft>
                <a:spcPts val="0"/>
              </a:spcAft>
              <a:buClr>
                <a:srgbClr val="E76A28"/>
              </a:buClr>
              <a:buSzPts val="1200"/>
              <a:buFont typeface="Nunito Light"/>
              <a:buChar char="●"/>
              <a:defRPr/>
            </a:lvl4pPr>
            <a:lvl5pPr lvl="4" algn="ctr" rtl="0">
              <a:lnSpc>
                <a:spcPct val="100000"/>
              </a:lnSpc>
              <a:spcBef>
                <a:spcPts val="0"/>
              </a:spcBef>
              <a:spcAft>
                <a:spcPts val="0"/>
              </a:spcAft>
              <a:buClr>
                <a:srgbClr val="E76A28"/>
              </a:buClr>
              <a:buSzPts val="1200"/>
              <a:buFont typeface="Nunito Light"/>
              <a:buChar char="○"/>
              <a:defRPr/>
            </a:lvl5pPr>
            <a:lvl6pPr lvl="5" algn="ctr" rtl="0">
              <a:lnSpc>
                <a:spcPct val="100000"/>
              </a:lnSpc>
              <a:spcBef>
                <a:spcPts val="0"/>
              </a:spcBef>
              <a:spcAft>
                <a:spcPts val="0"/>
              </a:spcAft>
              <a:buClr>
                <a:srgbClr val="999999"/>
              </a:buClr>
              <a:buSzPts val="1200"/>
              <a:buFont typeface="Nunito Light"/>
              <a:buChar char="■"/>
              <a:defRPr/>
            </a:lvl6pPr>
            <a:lvl7pPr lvl="6" algn="ctr" rtl="0">
              <a:lnSpc>
                <a:spcPct val="100000"/>
              </a:lnSpc>
              <a:spcBef>
                <a:spcPts val="0"/>
              </a:spcBef>
              <a:spcAft>
                <a:spcPts val="0"/>
              </a:spcAft>
              <a:buClr>
                <a:srgbClr val="999999"/>
              </a:buClr>
              <a:buSzPts val="1200"/>
              <a:buFont typeface="Nunito Light"/>
              <a:buChar char="●"/>
              <a:defRPr/>
            </a:lvl7pPr>
            <a:lvl8pPr lvl="7" algn="ctr" rtl="0">
              <a:lnSpc>
                <a:spcPct val="100000"/>
              </a:lnSpc>
              <a:spcBef>
                <a:spcPts val="0"/>
              </a:spcBef>
              <a:spcAft>
                <a:spcPts val="0"/>
              </a:spcAft>
              <a:buClr>
                <a:srgbClr val="999999"/>
              </a:buClr>
              <a:buSzPts val="1200"/>
              <a:buFont typeface="Nunito Light"/>
              <a:buChar char="○"/>
              <a:defRPr/>
            </a:lvl8pPr>
            <a:lvl9pPr lvl="8" algn="ctr" rtl="0">
              <a:lnSpc>
                <a:spcPct val="100000"/>
              </a:lnSpc>
              <a:spcBef>
                <a:spcPts val="0"/>
              </a:spcBef>
              <a:spcAft>
                <a:spcPts val="0"/>
              </a:spcAft>
              <a:buClr>
                <a:srgbClr val="999999"/>
              </a:buClr>
              <a:buSzPts val="1200"/>
              <a:buFont typeface="Nunito Light"/>
              <a:buChar char="■"/>
              <a:defRPr/>
            </a:lvl9pPr>
          </a:lstStyle>
          <a:p>
            <a:endParaRPr/>
          </a:p>
        </p:txBody>
      </p:sp>
      <p:sp>
        <p:nvSpPr>
          <p:cNvPr id="34" name="Google Shape;34;p7"/>
          <p:cNvSpPr>
            <a:spLocks noGrp="1"/>
          </p:cNvSpPr>
          <p:nvPr>
            <p:ph type="pic" idx="2"/>
          </p:nvPr>
        </p:nvSpPr>
        <p:spPr>
          <a:xfrm>
            <a:off x="5637000" y="539500"/>
            <a:ext cx="2787000" cy="4064400"/>
          </a:xfrm>
          <a:prstGeom prst="rect">
            <a:avLst/>
          </a:prstGeom>
          <a:noFill/>
          <a:ln>
            <a:noFill/>
          </a:ln>
        </p:spPr>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Main point">
  <p:cSld name="MAIN_POINT">
    <p:spTree>
      <p:nvGrpSpPr>
        <p:cNvPr id="1" name="Shape 35"/>
        <p:cNvGrpSpPr/>
        <p:nvPr/>
      </p:nvGrpSpPr>
      <p:grpSpPr>
        <a:xfrm>
          <a:off x="0" y="0"/>
          <a:ext cx="0" cy="0"/>
          <a:chOff x="0" y="0"/>
          <a:chExt cx="0" cy="0"/>
        </a:xfrm>
      </p:grpSpPr>
      <p:sp>
        <p:nvSpPr>
          <p:cNvPr id="36" name="Google Shape;36;p8"/>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7" name="Google Shape;37;p8"/>
          <p:cNvSpPr txBox="1">
            <a:spLocks noGrp="1"/>
          </p:cNvSpPr>
          <p:nvPr>
            <p:ph type="title"/>
          </p:nvPr>
        </p:nvSpPr>
        <p:spPr>
          <a:xfrm>
            <a:off x="2317950" y="1307100"/>
            <a:ext cx="4508100" cy="2529300"/>
          </a:xfrm>
          <a:prstGeom prst="rect">
            <a:avLst/>
          </a:prstGeom>
        </p:spPr>
        <p:txBody>
          <a:bodyPr spcFirstLastPara="1" wrap="square" lIns="91425" tIns="91425" rIns="91425" bIns="91425" anchor="ctr" anchorCtr="0">
            <a:noAutofit/>
          </a:bodyPr>
          <a:lstStyle>
            <a:lvl1pPr lvl="0" algn="ctr">
              <a:lnSpc>
                <a:spcPct val="80000"/>
              </a:lnSpc>
              <a:spcBef>
                <a:spcPts val="0"/>
              </a:spcBef>
              <a:spcAft>
                <a:spcPts val="0"/>
              </a:spcAft>
              <a:buSzPts val="6000"/>
              <a:buNone/>
              <a:defRPr sz="6000"/>
            </a:lvl1pPr>
            <a:lvl2pPr lvl="1">
              <a:spcBef>
                <a:spcPts val="0"/>
              </a:spcBef>
              <a:spcAft>
                <a:spcPts val="0"/>
              </a:spcAft>
              <a:buSzPts val="4800"/>
              <a:buNone/>
              <a:defRPr sz="4800"/>
            </a:lvl2pPr>
            <a:lvl3pPr lvl="2">
              <a:spcBef>
                <a:spcPts val="0"/>
              </a:spcBef>
              <a:spcAft>
                <a:spcPts val="0"/>
              </a:spcAft>
              <a:buSzPts val="4800"/>
              <a:buNone/>
              <a:defRPr sz="4800"/>
            </a:lvl3pPr>
            <a:lvl4pPr lvl="3">
              <a:spcBef>
                <a:spcPts val="0"/>
              </a:spcBef>
              <a:spcAft>
                <a:spcPts val="0"/>
              </a:spcAft>
              <a:buSzPts val="4800"/>
              <a:buNone/>
              <a:defRPr sz="4800"/>
            </a:lvl4pPr>
            <a:lvl5pPr lvl="4">
              <a:spcBef>
                <a:spcPts val="0"/>
              </a:spcBef>
              <a:spcAft>
                <a:spcPts val="0"/>
              </a:spcAft>
              <a:buSzPts val="4800"/>
              <a:buNone/>
              <a:defRPr sz="4800"/>
            </a:lvl5pPr>
            <a:lvl6pPr lvl="5">
              <a:spcBef>
                <a:spcPts val="0"/>
              </a:spcBef>
              <a:spcAft>
                <a:spcPts val="0"/>
              </a:spcAft>
              <a:buSzPts val="4800"/>
              <a:buNone/>
              <a:defRPr sz="4800"/>
            </a:lvl6pPr>
            <a:lvl7pPr lvl="6">
              <a:spcBef>
                <a:spcPts val="0"/>
              </a:spcBef>
              <a:spcAft>
                <a:spcPts val="0"/>
              </a:spcAft>
              <a:buSzPts val="4800"/>
              <a:buNone/>
              <a:defRPr sz="4800"/>
            </a:lvl7pPr>
            <a:lvl8pPr lvl="7">
              <a:spcBef>
                <a:spcPts val="0"/>
              </a:spcBef>
              <a:spcAft>
                <a:spcPts val="0"/>
              </a:spcAft>
              <a:buSzPts val="4800"/>
              <a:buNone/>
              <a:defRPr sz="4800"/>
            </a:lvl8pPr>
            <a:lvl9pPr lvl="8">
              <a:spcBef>
                <a:spcPts val="0"/>
              </a:spcBef>
              <a:spcAft>
                <a:spcPts val="0"/>
              </a:spcAft>
              <a:buSzPts val="4800"/>
              <a:buNone/>
              <a:defRPr sz="4800"/>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Section title and description">
  <p:cSld name="SECTION_TITLE_AND_DESCRIPTION">
    <p:spTree>
      <p:nvGrpSpPr>
        <p:cNvPr id="1" name="Shape 38"/>
        <p:cNvGrpSpPr/>
        <p:nvPr/>
      </p:nvGrpSpPr>
      <p:grpSpPr>
        <a:xfrm>
          <a:off x="0" y="0"/>
          <a:ext cx="0" cy="0"/>
          <a:chOff x="0" y="0"/>
          <a:chExt cx="0" cy="0"/>
        </a:xfrm>
      </p:grpSpPr>
      <p:sp>
        <p:nvSpPr>
          <p:cNvPr id="39" name="Google Shape;39;p9"/>
          <p:cNvSpPr/>
          <p:nvPr/>
        </p:nvSpPr>
        <p:spPr>
          <a:xfrm>
            <a:off x="126000" y="125550"/>
            <a:ext cx="8892000" cy="4892400"/>
          </a:xfrm>
          <a:prstGeom prst="roundRect">
            <a:avLst>
              <a:gd name="adj" fmla="val 4169"/>
            </a:avLst>
          </a:pr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0" name="Google Shape;40;p9"/>
          <p:cNvSpPr txBox="1">
            <a:spLocks noGrp="1"/>
          </p:cNvSpPr>
          <p:nvPr>
            <p:ph type="title"/>
          </p:nvPr>
        </p:nvSpPr>
        <p:spPr>
          <a:xfrm>
            <a:off x="2135550" y="1189100"/>
            <a:ext cx="4872900" cy="19644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6000"/>
              <a:buNone/>
              <a:defRPr sz="6000"/>
            </a:lvl1pPr>
            <a:lvl2pPr lvl="1" algn="ctr" rtl="0">
              <a:spcBef>
                <a:spcPts val="0"/>
              </a:spcBef>
              <a:spcAft>
                <a:spcPts val="0"/>
              </a:spcAft>
              <a:buSzPts val="3000"/>
              <a:buNone/>
              <a:defRPr/>
            </a:lvl2pPr>
            <a:lvl3pPr lvl="2" algn="ctr" rtl="0">
              <a:spcBef>
                <a:spcPts val="0"/>
              </a:spcBef>
              <a:spcAft>
                <a:spcPts val="0"/>
              </a:spcAft>
              <a:buSzPts val="3000"/>
              <a:buNone/>
              <a:defRPr/>
            </a:lvl3pPr>
            <a:lvl4pPr lvl="3" algn="ctr" rtl="0">
              <a:spcBef>
                <a:spcPts val="0"/>
              </a:spcBef>
              <a:spcAft>
                <a:spcPts val="0"/>
              </a:spcAft>
              <a:buSzPts val="3000"/>
              <a:buNone/>
              <a:defRPr/>
            </a:lvl4pPr>
            <a:lvl5pPr lvl="4" algn="ctr" rtl="0">
              <a:spcBef>
                <a:spcPts val="0"/>
              </a:spcBef>
              <a:spcAft>
                <a:spcPts val="0"/>
              </a:spcAft>
              <a:buSzPts val="3000"/>
              <a:buNone/>
              <a:defRPr/>
            </a:lvl5pPr>
            <a:lvl6pPr lvl="5" algn="ctr" rtl="0">
              <a:spcBef>
                <a:spcPts val="0"/>
              </a:spcBef>
              <a:spcAft>
                <a:spcPts val="0"/>
              </a:spcAft>
              <a:buSzPts val="3000"/>
              <a:buNone/>
              <a:defRPr/>
            </a:lvl6pPr>
            <a:lvl7pPr lvl="6" algn="ctr" rtl="0">
              <a:spcBef>
                <a:spcPts val="0"/>
              </a:spcBef>
              <a:spcAft>
                <a:spcPts val="0"/>
              </a:spcAft>
              <a:buSzPts val="3000"/>
              <a:buNone/>
              <a:defRPr/>
            </a:lvl7pPr>
            <a:lvl8pPr lvl="7" algn="ctr" rtl="0">
              <a:spcBef>
                <a:spcPts val="0"/>
              </a:spcBef>
              <a:spcAft>
                <a:spcPts val="0"/>
              </a:spcAft>
              <a:buSzPts val="3000"/>
              <a:buNone/>
              <a:defRPr/>
            </a:lvl8pPr>
            <a:lvl9pPr lvl="8" algn="ctr" rtl="0">
              <a:spcBef>
                <a:spcPts val="0"/>
              </a:spcBef>
              <a:spcAft>
                <a:spcPts val="0"/>
              </a:spcAft>
              <a:buSzPts val="3000"/>
              <a:buNone/>
              <a:defRPr/>
            </a:lvl9pPr>
          </a:lstStyle>
          <a:p>
            <a:endParaRPr/>
          </a:p>
        </p:txBody>
      </p:sp>
      <p:sp>
        <p:nvSpPr>
          <p:cNvPr id="41" name="Google Shape;41;p9"/>
          <p:cNvSpPr txBox="1">
            <a:spLocks noGrp="1"/>
          </p:cNvSpPr>
          <p:nvPr>
            <p:ph type="subTitle" idx="1"/>
          </p:nvPr>
        </p:nvSpPr>
        <p:spPr>
          <a:xfrm>
            <a:off x="2135550" y="3153500"/>
            <a:ext cx="4872900" cy="6711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200"/>
              <a:buNone/>
              <a:defRPr sz="1600"/>
            </a:lvl1pPr>
            <a:lvl2pPr lvl="1" algn="ctr" rtl="0">
              <a:lnSpc>
                <a:spcPct val="100000"/>
              </a:lnSpc>
              <a:spcBef>
                <a:spcPts val="0"/>
              </a:spcBef>
              <a:spcAft>
                <a:spcPts val="0"/>
              </a:spcAft>
              <a:buSzPts val="1200"/>
              <a:buNone/>
              <a:defRPr/>
            </a:lvl2pPr>
            <a:lvl3pPr lvl="2" algn="ctr" rtl="0">
              <a:lnSpc>
                <a:spcPct val="100000"/>
              </a:lnSpc>
              <a:spcBef>
                <a:spcPts val="0"/>
              </a:spcBef>
              <a:spcAft>
                <a:spcPts val="0"/>
              </a:spcAft>
              <a:buSzPts val="1200"/>
              <a:buNone/>
              <a:defRPr/>
            </a:lvl3pPr>
            <a:lvl4pPr lvl="3" algn="ctr" rtl="0">
              <a:lnSpc>
                <a:spcPct val="100000"/>
              </a:lnSpc>
              <a:spcBef>
                <a:spcPts val="0"/>
              </a:spcBef>
              <a:spcAft>
                <a:spcPts val="0"/>
              </a:spcAft>
              <a:buSzPts val="1200"/>
              <a:buNone/>
              <a:defRPr/>
            </a:lvl4pPr>
            <a:lvl5pPr lvl="4" algn="ctr" rtl="0">
              <a:lnSpc>
                <a:spcPct val="100000"/>
              </a:lnSpc>
              <a:spcBef>
                <a:spcPts val="0"/>
              </a:spcBef>
              <a:spcAft>
                <a:spcPts val="0"/>
              </a:spcAft>
              <a:buSzPts val="1200"/>
              <a:buNone/>
              <a:defRPr/>
            </a:lvl5pPr>
            <a:lvl6pPr lvl="5" algn="ctr" rtl="0">
              <a:lnSpc>
                <a:spcPct val="100000"/>
              </a:lnSpc>
              <a:spcBef>
                <a:spcPts val="0"/>
              </a:spcBef>
              <a:spcAft>
                <a:spcPts val="0"/>
              </a:spcAft>
              <a:buSzPts val="1200"/>
              <a:buNone/>
              <a:defRPr/>
            </a:lvl6pPr>
            <a:lvl7pPr lvl="6" algn="ctr" rtl="0">
              <a:lnSpc>
                <a:spcPct val="100000"/>
              </a:lnSpc>
              <a:spcBef>
                <a:spcPts val="0"/>
              </a:spcBef>
              <a:spcAft>
                <a:spcPts val="0"/>
              </a:spcAft>
              <a:buSzPts val="1200"/>
              <a:buNone/>
              <a:defRPr/>
            </a:lvl7pPr>
            <a:lvl8pPr lvl="7" algn="ctr" rtl="0">
              <a:lnSpc>
                <a:spcPct val="100000"/>
              </a:lnSpc>
              <a:spcBef>
                <a:spcPts val="0"/>
              </a:spcBef>
              <a:spcAft>
                <a:spcPts val="0"/>
              </a:spcAft>
              <a:buSzPts val="1200"/>
              <a:buNone/>
              <a:defRPr/>
            </a:lvl8pPr>
            <a:lvl9pPr lvl="8" algn="ctr" rtl="0">
              <a:lnSpc>
                <a:spcPct val="100000"/>
              </a:lnSpc>
              <a:spcBef>
                <a:spcPts val="0"/>
              </a:spcBef>
              <a:spcAft>
                <a:spcPts val="0"/>
              </a:spcAft>
              <a:buSzPts val="1200"/>
              <a:buNone/>
              <a:defRPr/>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Caption">
  <p:cSld name="CAPTION_ONLY">
    <p:spTree>
      <p:nvGrpSpPr>
        <p:cNvPr id="1" name="Shape 42"/>
        <p:cNvGrpSpPr/>
        <p:nvPr/>
      </p:nvGrpSpPr>
      <p:grpSpPr>
        <a:xfrm>
          <a:off x="0" y="0"/>
          <a:ext cx="0" cy="0"/>
          <a:chOff x="0" y="0"/>
          <a:chExt cx="0" cy="0"/>
        </a:xfrm>
      </p:grpSpPr>
      <p:sp>
        <p:nvSpPr>
          <p:cNvPr id="43" name="Google Shape;43;p10"/>
          <p:cNvSpPr>
            <a:spLocks noGrp="1"/>
          </p:cNvSpPr>
          <p:nvPr>
            <p:ph type="pic" idx="2"/>
          </p:nvPr>
        </p:nvSpPr>
        <p:spPr>
          <a:xfrm>
            <a:off x="-10425" y="-15625"/>
            <a:ext cx="9177000" cy="5180100"/>
          </a:xfrm>
          <a:prstGeom prst="rect">
            <a:avLst/>
          </a:prstGeom>
          <a:noFill/>
          <a:ln>
            <a:noFill/>
          </a:ln>
        </p:spPr>
      </p:sp>
      <p:sp>
        <p:nvSpPr>
          <p:cNvPr id="44" name="Google Shape;44;p10"/>
          <p:cNvSpPr txBox="1">
            <a:spLocks noGrp="1"/>
          </p:cNvSpPr>
          <p:nvPr>
            <p:ph type="title"/>
          </p:nvPr>
        </p:nvSpPr>
        <p:spPr>
          <a:xfrm>
            <a:off x="720000" y="4031300"/>
            <a:ext cx="7704000" cy="572700"/>
          </a:xfrm>
          <a:prstGeom prst="rect">
            <a:avLst/>
          </a:prstGeom>
          <a:solidFill>
            <a:schemeClr val="accent6"/>
          </a:solidFill>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algn="ctr" rtl="0">
              <a:spcBef>
                <a:spcPts val="0"/>
              </a:spcBef>
              <a:spcAft>
                <a:spcPts val="0"/>
              </a:spcAft>
              <a:buClr>
                <a:schemeClr val="accent5"/>
              </a:buClr>
              <a:buSzPts val="3000"/>
              <a:buNone/>
              <a:defRPr>
                <a:solidFill>
                  <a:schemeClr val="accent5"/>
                </a:solidFill>
              </a:defRPr>
            </a:lvl2pPr>
            <a:lvl3pPr lvl="2" algn="ctr" rtl="0">
              <a:spcBef>
                <a:spcPts val="0"/>
              </a:spcBef>
              <a:spcAft>
                <a:spcPts val="0"/>
              </a:spcAft>
              <a:buClr>
                <a:schemeClr val="accent5"/>
              </a:buClr>
              <a:buSzPts val="3000"/>
              <a:buNone/>
              <a:defRPr>
                <a:solidFill>
                  <a:schemeClr val="accent5"/>
                </a:solidFill>
              </a:defRPr>
            </a:lvl3pPr>
            <a:lvl4pPr lvl="3" algn="ctr" rtl="0">
              <a:spcBef>
                <a:spcPts val="0"/>
              </a:spcBef>
              <a:spcAft>
                <a:spcPts val="0"/>
              </a:spcAft>
              <a:buClr>
                <a:schemeClr val="accent5"/>
              </a:buClr>
              <a:buSzPts val="3000"/>
              <a:buNone/>
              <a:defRPr>
                <a:solidFill>
                  <a:schemeClr val="accent5"/>
                </a:solidFill>
              </a:defRPr>
            </a:lvl4pPr>
            <a:lvl5pPr lvl="4" algn="ctr" rtl="0">
              <a:spcBef>
                <a:spcPts val="0"/>
              </a:spcBef>
              <a:spcAft>
                <a:spcPts val="0"/>
              </a:spcAft>
              <a:buClr>
                <a:schemeClr val="accent5"/>
              </a:buClr>
              <a:buSzPts val="3000"/>
              <a:buNone/>
              <a:defRPr>
                <a:solidFill>
                  <a:schemeClr val="accent5"/>
                </a:solidFill>
              </a:defRPr>
            </a:lvl5pPr>
            <a:lvl6pPr lvl="5" algn="ctr" rtl="0">
              <a:spcBef>
                <a:spcPts val="0"/>
              </a:spcBef>
              <a:spcAft>
                <a:spcPts val="0"/>
              </a:spcAft>
              <a:buClr>
                <a:schemeClr val="accent5"/>
              </a:buClr>
              <a:buSzPts val="3000"/>
              <a:buNone/>
              <a:defRPr>
                <a:solidFill>
                  <a:schemeClr val="accent5"/>
                </a:solidFill>
              </a:defRPr>
            </a:lvl6pPr>
            <a:lvl7pPr lvl="6" algn="ctr" rtl="0">
              <a:spcBef>
                <a:spcPts val="0"/>
              </a:spcBef>
              <a:spcAft>
                <a:spcPts val="0"/>
              </a:spcAft>
              <a:buClr>
                <a:schemeClr val="accent5"/>
              </a:buClr>
              <a:buSzPts val="3000"/>
              <a:buNone/>
              <a:defRPr>
                <a:solidFill>
                  <a:schemeClr val="accent5"/>
                </a:solidFill>
              </a:defRPr>
            </a:lvl7pPr>
            <a:lvl8pPr lvl="7" algn="ctr" rtl="0">
              <a:spcBef>
                <a:spcPts val="0"/>
              </a:spcBef>
              <a:spcAft>
                <a:spcPts val="0"/>
              </a:spcAft>
              <a:buClr>
                <a:schemeClr val="accent5"/>
              </a:buClr>
              <a:buSzPts val="3000"/>
              <a:buNone/>
              <a:defRPr>
                <a:solidFill>
                  <a:schemeClr val="accent5"/>
                </a:solidFill>
              </a:defRPr>
            </a:lvl8pPr>
            <a:lvl9pPr lvl="8" algn="ctr" rtl="0">
              <a:spcBef>
                <a:spcPts val="0"/>
              </a:spcBef>
              <a:spcAft>
                <a:spcPts val="0"/>
              </a:spcAft>
              <a:buClr>
                <a:schemeClr val="accent5"/>
              </a:buClr>
              <a:buSzPts val="3000"/>
              <a:buNone/>
              <a:defRPr>
                <a:solidFill>
                  <a:schemeClr val="accent5"/>
                </a:solidFill>
              </a:defRPr>
            </a:lvl9pPr>
          </a:lstStyle>
          <a:p>
            <a:endParaRPr/>
          </a:p>
        </p:txBody>
      </p:sp>
    </p:spTree>
  </p:cSld>
  <p:clrMapOvr>
    <a:masterClrMapping/>
  </p:clrMapOvr>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theme" Target="../theme/theme1.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name="simple-light-2">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720000" y="539500"/>
            <a:ext cx="7704000" cy="572700"/>
          </a:xfrm>
          <a:prstGeom prst="rect">
            <a:avLst/>
          </a:prstGeom>
          <a:noFill/>
          <a:ln>
            <a:noFill/>
          </a:ln>
        </p:spPr>
        <p:txBody>
          <a:bodyPr spcFirstLastPara="1" wrap="square" lIns="91425" tIns="91425" rIns="91425" bIns="91425" anchor="t" anchorCtr="0">
            <a:noAutofit/>
          </a:bodyPr>
          <a:lstStyle>
            <a:lvl1pPr lvl="0" rtl="0">
              <a:spcBef>
                <a:spcPts val="0"/>
              </a:spcBef>
              <a:spcAft>
                <a:spcPts val="0"/>
              </a:spcAft>
              <a:buClr>
                <a:schemeClr val="accent5"/>
              </a:buClr>
              <a:buSzPts val="3000"/>
              <a:buFont typeface="Work Sans Black"/>
              <a:buNone/>
              <a:defRPr sz="3000">
                <a:solidFill>
                  <a:schemeClr val="accent5"/>
                </a:solidFill>
                <a:latin typeface="Work Sans Black"/>
                <a:ea typeface="Work Sans Black"/>
                <a:cs typeface="Work Sans Black"/>
                <a:sym typeface="Work Sans Black"/>
              </a:defRPr>
            </a:lvl1pPr>
            <a:lvl2pPr lvl="1" rtl="0">
              <a:spcBef>
                <a:spcPts val="0"/>
              </a:spcBef>
              <a:spcAft>
                <a:spcPts val="0"/>
              </a:spcAft>
              <a:buClr>
                <a:schemeClr val="dk1"/>
              </a:buClr>
              <a:buSzPts val="3000"/>
              <a:buFont typeface="Work Sans Black"/>
              <a:buNone/>
              <a:defRPr sz="3000">
                <a:solidFill>
                  <a:schemeClr val="dk1"/>
                </a:solidFill>
                <a:latin typeface="Work Sans Black"/>
                <a:ea typeface="Work Sans Black"/>
                <a:cs typeface="Work Sans Black"/>
                <a:sym typeface="Work Sans Black"/>
              </a:defRPr>
            </a:lvl2pPr>
            <a:lvl3pPr lvl="2" rtl="0">
              <a:spcBef>
                <a:spcPts val="0"/>
              </a:spcBef>
              <a:spcAft>
                <a:spcPts val="0"/>
              </a:spcAft>
              <a:buClr>
                <a:schemeClr val="dk1"/>
              </a:buClr>
              <a:buSzPts val="3000"/>
              <a:buFont typeface="Work Sans Black"/>
              <a:buNone/>
              <a:defRPr sz="3000">
                <a:solidFill>
                  <a:schemeClr val="dk1"/>
                </a:solidFill>
                <a:latin typeface="Work Sans Black"/>
                <a:ea typeface="Work Sans Black"/>
                <a:cs typeface="Work Sans Black"/>
                <a:sym typeface="Work Sans Black"/>
              </a:defRPr>
            </a:lvl3pPr>
            <a:lvl4pPr lvl="3" rtl="0">
              <a:spcBef>
                <a:spcPts val="0"/>
              </a:spcBef>
              <a:spcAft>
                <a:spcPts val="0"/>
              </a:spcAft>
              <a:buClr>
                <a:schemeClr val="dk1"/>
              </a:buClr>
              <a:buSzPts val="3000"/>
              <a:buFont typeface="Work Sans Black"/>
              <a:buNone/>
              <a:defRPr sz="3000">
                <a:solidFill>
                  <a:schemeClr val="dk1"/>
                </a:solidFill>
                <a:latin typeface="Work Sans Black"/>
                <a:ea typeface="Work Sans Black"/>
                <a:cs typeface="Work Sans Black"/>
                <a:sym typeface="Work Sans Black"/>
              </a:defRPr>
            </a:lvl4pPr>
            <a:lvl5pPr lvl="4" rtl="0">
              <a:spcBef>
                <a:spcPts val="0"/>
              </a:spcBef>
              <a:spcAft>
                <a:spcPts val="0"/>
              </a:spcAft>
              <a:buClr>
                <a:schemeClr val="dk1"/>
              </a:buClr>
              <a:buSzPts val="3000"/>
              <a:buFont typeface="Work Sans Black"/>
              <a:buNone/>
              <a:defRPr sz="3000">
                <a:solidFill>
                  <a:schemeClr val="dk1"/>
                </a:solidFill>
                <a:latin typeface="Work Sans Black"/>
                <a:ea typeface="Work Sans Black"/>
                <a:cs typeface="Work Sans Black"/>
                <a:sym typeface="Work Sans Black"/>
              </a:defRPr>
            </a:lvl5pPr>
            <a:lvl6pPr lvl="5" rtl="0">
              <a:spcBef>
                <a:spcPts val="0"/>
              </a:spcBef>
              <a:spcAft>
                <a:spcPts val="0"/>
              </a:spcAft>
              <a:buClr>
                <a:schemeClr val="dk1"/>
              </a:buClr>
              <a:buSzPts val="3000"/>
              <a:buFont typeface="Work Sans Black"/>
              <a:buNone/>
              <a:defRPr sz="3000">
                <a:solidFill>
                  <a:schemeClr val="dk1"/>
                </a:solidFill>
                <a:latin typeface="Work Sans Black"/>
                <a:ea typeface="Work Sans Black"/>
                <a:cs typeface="Work Sans Black"/>
                <a:sym typeface="Work Sans Black"/>
              </a:defRPr>
            </a:lvl6pPr>
            <a:lvl7pPr lvl="6" rtl="0">
              <a:spcBef>
                <a:spcPts val="0"/>
              </a:spcBef>
              <a:spcAft>
                <a:spcPts val="0"/>
              </a:spcAft>
              <a:buClr>
                <a:schemeClr val="dk1"/>
              </a:buClr>
              <a:buSzPts val="3000"/>
              <a:buFont typeface="Work Sans Black"/>
              <a:buNone/>
              <a:defRPr sz="3000">
                <a:solidFill>
                  <a:schemeClr val="dk1"/>
                </a:solidFill>
                <a:latin typeface="Work Sans Black"/>
                <a:ea typeface="Work Sans Black"/>
                <a:cs typeface="Work Sans Black"/>
                <a:sym typeface="Work Sans Black"/>
              </a:defRPr>
            </a:lvl7pPr>
            <a:lvl8pPr lvl="7" rtl="0">
              <a:spcBef>
                <a:spcPts val="0"/>
              </a:spcBef>
              <a:spcAft>
                <a:spcPts val="0"/>
              </a:spcAft>
              <a:buClr>
                <a:schemeClr val="dk1"/>
              </a:buClr>
              <a:buSzPts val="3000"/>
              <a:buFont typeface="Work Sans Black"/>
              <a:buNone/>
              <a:defRPr sz="3000">
                <a:solidFill>
                  <a:schemeClr val="dk1"/>
                </a:solidFill>
                <a:latin typeface="Work Sans Black"/>
                <a:ea typeface="Work Sans Black"/>
                <a:cs typeface="Work Sans Black"/>
                <a:sym typeface="Work Sans Black"/>
              </a:defRPr>
            </a:lvl8pPr>
            <a:lvl9pPr lvl="8" rtl="0">
              <a:spcBef>
                <a:spcPts val="0"/>
              </a:spcBef>
              <a:spcAft>
                <a:spcPts val="0"/>
              </a:spcAft>
              <a:buClr>
                <a:schemeClr val="dk1"/>
              </a:buClr>
              <a:buSzPts val="3000"/>
              <a:buFont typeface="Work Sans Black"/>
              <a:buNone/>
              <a:defRPr sz="3000">
                <a:solidFill>
                  <a:schemeClr val="dk1"/>
                </a:solidFill>
                <a:latin typeface="Work Sans Black"/>
                <a:ea typeface="Work Sans Black"/>
                <a:cs typeface="Work Sans Black"/>
                <a:sym typeface="Work Sans Black"/>
              </a:defRPr>
            </a:lvl9pPr>
          </a:lstStyle>
          <a:p>
            <a:endParaRPr/>
          </a:p>
        </p:txBody>
      </p:sp>
      <p:sp>
        <p:nvSpPr>
          <p:cNvPr id="7" name="Google Shape;7;p1"/>
          <p:cNvSpPr txBox="1">
            <a:spLocks noGrp="1"/>
          </p:cNvSpPr>
          <p:nvPr>
            <p:ph type="body" idx="1"/>
          </p:nvPr>
        </p:nvSpPr>
        <p:spPr>
          <a:xfrm>
            <a:off x="720000" y="1112200"/>
            <a:ext cx="7704000" cy="3491700"/>
          </a:xfrm>
          <a:prstGeom prst="rect">
            <a:avLst/>
          </a:prstGeom>
          <a:noFill/>
          <a:ln>
            <a:noFill/>
          </a:ln>
        </p:spPr>
        <p:txBody>
          <a:bodyPr spcFirstLastPara="1" wrap="square" lIns="91425" tIns="91425" rIns="91425" bIns="91425" anchor="t" anchorCtr="0">
            <a:noAutofit/>
          </a:bodyPr>
          <a:lstStyle>
            <a:lvl1pPr marL="457200" lvl="0" indent="-304800">
              <a:lnSpc>
                <a:spcPct val="100000"/>
              </a:lnSpc>
              <a:spcBef>
                <a:spcPts val="0"/>
              </a:spcBef>
              <a:spcAft>
                <a:spcPts val="0"/>
              </a:spcAft>
              <a:buClr>
                <a:schemeClr val="dk1"/>
              </a:buClr>
              <a:buSzPts val="1200"/>
              <a:buFont typeface="Montserrat Medium"/>
              <a:buChar char="●"/>
              <a:defRPr sz="1200">
                <a:solidFill>
                  <a:schemeClr val="dk1"/>
                </a:solidFill>
                <a:latin typeface="Montserrat Medium"/>
                <a:ea typeface="Montserrat Medium"/>
                <a:cs typeface="Montserrat Medium"/>
                <a:sym typeface="Montserrat Medium"/>
              </a:defRPr>
            </a:lvl1pPr>
            <a:lvl2pPr marL="914400" lvl="1" indent="-304800">
              <a:lnSpc>
                <a:spcPct val="100000"/>
              </a:lnSpc>
              <a:spcBef>
                <a:spcPts val="0"/>
              </a:spcBef>
              <a:spcAft>
                <a:spcPts val="0"/>
              </a:spcAft>
              <a:buClr>
                <a:schemeClr val="dk1"/>
              </a:buClr>
              <a:buSzPts val="1200"/>
              <a:buFont typeface="Montserrat Medium"/>
              <a:buChar char="○"/>
              <a:defRPr sz="1200">
                <a:solidFill>
                  <a:schemeClr val="dk1"/>
                </a:solidFill>
                <a:latin typeface="Montserrat Medium"/>
                <a:ea typeface="Montserrat Medium"/>
                <a:cs typeface="Montserrat Medium"/>
                <a:sym typeface="Montserrat Medium"/>
              </a:defRPr>
            </a:lvl2pPr>
            <a:lvl3pPr marL="1371600" lvl="2" indent="-304800">
              <a:lnSpc>
                <a:spcPct val="100000"/>
              </a:lnSpc>
              <a:spcBef>
                <a:spcPts val="0"/>
              </a:spcBef>
              <a:spcAft>
                <a:spcPts val="0"/>
              </a:spcAft>
              <a:buClr>
                <a:schemeClr val="dk1"/>
              </a:buClr>
              <a:buSzPts val="1200"/>
              <a:buFont typeface="Montserrat Medium"/>
              <a:buChar char="■"/>
              <a:defRPr sz="1200">
                <a:solidFill>
                  <a:schemeClr val="dk1"/>
                </a:solidFill>
                <a:latin typeface="Montserrat Medium"/>
                <a:ea typeface="Montserrat Medium"/>
                <a:cs typeface="Montserrat Medium"/>
                <a:sym typeface="Montserrat Medium"/>
              </a:defRPr>
            </a:lvl3pPr>
            <a:lvl4pPr marL="1828800" lvl="3" indent="-304800">
              <a:lnSpc>
                <a:spcPct val="100000"/>
              </a:lnSpc>
              <a:spcBef>
                <a:spcPts val="0"/>
              </a:spcBef>
              <a:spcAft>
                <a:spcPts val="0"/>
              </a:spcAft>
              <a:buClr>
                <a:schemeClr val="dk1"/>
              </a:buClr>
              <a:buSzPts val="1200"/>
              <a:buFont typeface="Montserrat Medium"/>
              <a:buChar char="●"/>
              <a:defRPr sz="1200">
                <a:solidFill>
                  <a:schemeClr val="dk1"/>
                </a:solidFill>
                <a:latin typeface="Montserrat Medium"/>
                <a:ea typeface="Montserrat Medium"/>
                <a:cs typeface="Montserrat Medium"/>
                <a:sym typeface="Montserrat Medium"/>
              </a:defRPr>
            </a:lvl4pPr>
            <a:lvl5pPr marL="2286000" lvl="4" indent="-304800">
              <a:lnSpc>
                <a:spcPct val="100000"/>
              </a:lnSpc>
              <a:spcBef>
                <a:spcPts val="0"/>
              </a:spcBef>
              <a:spcAft>
                <a:spcPts val="0"/>
              </a:spcAft>
              <a:buClr>
                <a:schemeClr val="dk1"/>
              </a:buClr>
              <a:buSzPts val="1200"/>
              <a:buFont typeface="Montserrat Medium"/>
              <a:buChar char="○"/>
              <a:defRPr sz="1200">
                <a:solidFill>
                  <a:schemeClr val="dk1"/>
                </a:solidFill>
                <a:latin typeface="Montserrat Medium"/>
                <a:ea typeface="Montserrat Medium"/>
                <a:cs typeface="Montserrat Medium"/>
                <a:sym typeface="Montserrat Medium"/>
              </a:defRPr>
            </a:lvl5pPr>
            <a:lvl6pPr marL="2743200" lvl="5" indent="-304800">
              <a:lnSpc>
                <a:spcPct val="100000"/>
              </a:lnSpc>
              <a:spcBef>
                <a:spcPts val="0"/>
              </a:spcBef>
              <a:spcAft>
                <a:spcPts val="0"/>
              </a:spcAft>
              <a:buClr>
                <a:schemeClr val="dk1"/>
              </a:buClr>
              <a:buSzPts val="1200"/>
              <a:buFont typeface="Montserrat Medium"/>
              <a:buChar char="■"/>
              <a:defRPr sz="1200">
                <a:solidFill>
                  <a:schemeClr val="dk1"/>
                </a:solidFill>
                <a:latin typeface="Montserrat Medium"/>
                <a:ea typeface="Montserrat Medium"/>
                <a:cs typeface="Montserrat Medium"/>
                <a:sym typeface="Montserrat Medium"/>
              </a:defRPr>
            </a:lvl6pPr>
            <a:lvl7pPr marL="3200400" lvl="6" indent="-304800">
              <a:lnSpc>
                <a:spcPct val="100000"/>
              </a:lnSpc>
              <a:spcBef>
                <a:spcPts val="0"/>
              </a:spcBef>
              <a:spcAft>
                <a:spcPts val="0"/>
              </a:spcAft>
              <a:buClr>
                <a:schemeClr val="dk1"/>
              </a:buClr>
              <a:buSzPts val="1200"/>
              <a:buFont typeface="Montserrat Medium"/>
              <a:buChar char="●"/>
              <a:defRPr sz="1200">
                <a:solidFill>
                  <a:schemeClr val="dk1"/>
                </a:solidFill>
                <a:latin typeface="Montserrat Medium"/>
                <a:ea typeface="Montserrat Medium"/>
                <a:cs typeface="Montserrat Medium"/>
                <a:sym typeface="Montserrat Medium"/>
              </a:defRPr>
            </a:lvl7pPr>
            <a:lvl8pPr marL="3657600" lvl="7" indent="-304800">
              <a:lnSpc>
                <a:spcPct val="100000"/>
              </a:lnSpc>
              <a:spcBef>
                <a:spcPts val="0"/>
              </a:spcBef>
              <a:spcAft>
                <a:spcPts val="0"/>
              </a:spcAft>
              <a:buClr>
                <a:schemeClr val="dk1"/>
              </a:buClr>
              <a:buSzPts val="1200"/>
              <a:buFont typeface="Montserrat Medium"/>
              <a:buChar char="○"/>
              <a:defRPr sz="1200">
                <a:solidFill>
                  <a:schemeClr val="dk1"/>
                </a:solidFill>
                <a:latin typeface="Montserrat Medium"/>
                <a:ea typeface="Montserrat Medium"/>
                <a:cs typeface="Montserrat Medium"/>
                <a:sym typeface="Montserrat Medium"/>
              </a:defRPr>
            </a:lvl8pPr>
            <a:lvl9pPr marL="4114800" lvl="8" indent="-304800">
              <a:lnSpc>
                <a:spcPct val="100000"/>
              </a:lnSpc>
              <a:spcBef>
                <a:spcPts val="0"/>
              </a:spcBef>
              <a:spcAft>
                <a:spcPts val="0"/>
              </a:spcAft>
              <a:buClr>
                <a:schemeClr val="dk1"/>
              </a:buClr>
              <a:buSzPts val="1200"/>
              <a:buFont typeface="Montserrat Medium"/>
              <a:buChar char="■"/>
              <a:defRPr sz="1200">
                <a:solidFill>
                  <a:schemeClr val="dk1"/>
                </a:solidFill>
                <a:latin typeface="Montserrat Medium"/>
                <a:ea typeface="Montserrat Medium"/>
                <a:cs typeface="Montserrat Medium"/>
                <a:sym typeface="Montserrat Medium"/>
              </a:defRPr>
            </a:lvl9pPr>
          </a:lstStyle>
          <a:p>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 id="2147483659" r:id="rId12"/>
    <p:sldLayoutId id="2147483660" r:id="rId13"/>
    <p:sldLayoutId id="2147483661" r:id="rId14"/>
    <p:sldLayoutId id="2147483662" r:id="rId15"/>
    <p:sldLayoutId id="2147483663" r:id="rId16"/>
    <p:sldLayoutId id="2147483665" r:id="rId17"/>
    <p:sldLayoutId id="2147483666" r:id="rId18"/>
    <p:sldLayoutId id="2147483670" r:id="rId19"/>
  </p:sldLayoutIdLst>
  <mc:AlternateContent xmlns:mc="http://schemas.openxmlformats.org/markup-compatibility/2006">
    <mc:Choice xmlns:p159="http://schemas.microsoft.com/office/powerpoint/2015/09/main" xmlns="" Requires="p159">
      <p:transition spd="slow">
        <p159:morph option="byObject"/>
      </p:transition>
    </mc:Choice>
    <mc:Fallback>
      <p:transition spd="slow">
        <p:fade/>
      </p:transition>
    </mc:Fallback>
  </mc:AlternateContent>
  <p:timing>
    <p:tnLst>
      <p:par>
        <p:cTn id="1" dur="indefinite" restart="never" nodeType="tmRoot"/>
      </p:par>
    </p:tnLst>
  </p:timing>
  <p:hf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6" Type="http://schemas.openxmlformats.org/officeDocument/2006/relationships/image" Target="../media/image2.svg"/><Relationship Id="rId5" Type="http://schemas.openxmlformats.org/officeDocument/2006/relationships/image" Target="../media/image1.png"/><Relationship Id="rId4" Type="http://schemas.openxmlformats.org/officeDocument/2006/relationships/slide" Target="slide2.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7" Type="http://schemas.openxmlformats.org/officeDocument/2006/relationships/image" Target="../media/image16.svg"/><Relationship Id="rId2" Type="http://schemas.openxmlformats.org/officeDocument/2006/relationships/slideLayout" Target="../slideLayouts/slideLayout14.xml"/><Relationship Id="rId1" Type="http://schemas.openxmlformats.org/officeDocument/2006/relationships/tags" Target="../tags/tag11.xml"/><Relationship Id="rId6" Type="http://schemas.openxmlformats.org/officeDocument/2006/relationships/image" Target="../media/image10.png"/><Relationship Id="rId5" Type="http://schemas.openxmlformats.org/officeDocument/2006/relationships/image" Target="../media/image9.svg"/><Relationship Id="rId4" Type="http://schemas.openxmlformats.org/officeDocument/2006/relationships/image" Target="../media/image6.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15.xml"/><Relationship Id="rId1" Type="http://schemas.openxmlformats.org/officeDocument/2006/relationships/tags" Target="../tags/tag12.xml"/><Relationship Id="rId4" Type="http://schemas.openxmlformats.org/officeDocument/2006/relationships/image" Target="../media/image11.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15.xml"/><Relationship Id="rId1" Type="http://schemas.openxmlformats.org/officeDocument/2006/relationships/tags" Target="../tags/tag13.xm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jpe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15.xml"/><Relationship Id="rId1" Type="http://schemas.openxmlformats.org/officeDocument/2006/relationships/tags" Target="../tags/tag14.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7" Type="http://schemas.openxmlformats.org/officeDocument/2006/relationships/image" Target="../media/image16.svg"/><Relationship Id="rId2" Type="http://schemas.openxmlformats.org/officeDocument/2006/relationships/slideLayout" Target="../slideLayouts/slideLayout14.xml"/><Relationship Id="rId1" Type="http://schemas.openxmlformats.org/officeDocument/2006/relationships/tags" Target="../tags/tag15.xml"/><Relationship Id="rId6" Type="http://schemas.openxmlformats.org/officeDocument/2006/relationships/image" Target="../media/image10.png"/><Relationship Id="rId5" Type="http://schemas.openxmlformats.org/officeDocument/2006/relationships/image" Target="../media/image9.svg"/><Relationship Id="rId4" Type="http://schemas.openxmlformats.org/officeDocument/2006/relationships/image" Target="../media/image6.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5.xml"/><Relationship Id="rId1" Type="http://schemas.openxmlformats.org/officeDocument/2006/relationships/tags" Target="../tags/tag16.xml"/><Relationship Id="rId5" Type="http://schemas.openxmlformats.org/officeDocument/2006/relationships/image" Target="../media/image16.png"/><Relationship Id="rId4" Type="http://schemas.openxmlformats.org/officeDocument/2006/relationships/image" Target="../media/image15.jpe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10.xml"/><Relationship Id="rId1" Type="http://schemas.openxmlformats.org/officeDocument/2006/relationships/tags" Target="../tags/tag17.xm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7" Type="http://schemas.openxmlformats.org/officeDocument/2006/relationships/image" Target="../media/image11.svg"/><Relationship Id="rId2" Type="http://schemas.openxmlformats.org/officeDocument/2006/relationships/slideLayout" Target="../slideLayouts/slideLayout3.xml"/><Relationship Id="rId1" Type="http://schemas.openxmlformats.org/officeDocument/2006/relationships/tags" Target="../tags/tag18.xml"/><Relationship Id="rId6" Type="http://schemas.openxmlformats.org/officeDocument/2006/relationships/image" Target="../media/image7.png"/><Relationship Id="rId5" Type="http://schemas.openxmlformats.org/officeDocument/2006/relationships/image" Target="../media/image9.svg"/><Relationship Id="rId4" Type="http://schemas.openxmlformats.org/officeDocument/2006/relationships/image" Target="../media/image6.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7" Type="http://schemas.openxmlformats.org/officeDocument/2006/relationships/image" Target="../media/image26.svg"/><Relationship Id="rId2" Type="http://schemas.openxmlformats.org/officeDocument/2006/relationships/slideLayout" Target="../slideLayouts/slideLayout5.xml"/><Relationship Id="rId1" Type="http://schemas.openxmlformats.org/officeDocument/2006/relationships/tags" Target="../tags/tag19.xml"/><Relationship Id="rId6" Type="http://schemas.openxmlformats.org/officeDocument/2006/relationships/image" Target="../media/image19.png"/><Relationship Id="rId5" Type="http://schemas.openxmlformats.org/officeDocument/2006/relationships/image" Target="../media/image18.png"/><Relationship Id="rId4" Type="http://schemas.openxmlformats.org/officeDocument/2006/relationships/image" Target="../media/image17.jpe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7" Type="http://schemas.openxmlformats.org/officeDocument/2006/relationships/image" Target="../media/image11.svg"/><Relationship Id="rId2" Type="http://schemas.openxmlformats.org/officeDocument/2006/relationships/slideLayout" Target="../slideLayouts/slideLayout3.xml"/><Relationship Id="rId1" Type="http://schemas.openxmlformats.org/officeDocument/2006/relationships/tags" Target="../tags/tag20.xml"/><Relationship Id="rId6" Type="http://schemas.openxmlformats.org/officeDocument/2006/relationships/image" Target="../media/image7.png"/><Relationship Id="rId5" Type="http://schemas.openxmlformats.org/officeDocument/2006/relationships/image" Target="../media/image9.svg"/><Relationship Id="rId4" Type="http://schemas.openxmlformats.org/officeDocument/2006/relationships/image" Target="../media/image6.png"/></Relationships>
</file>

<file path=ppt/slides/_rels/slide2.xml.rels><?xml version="1.0" encoding="UTF-8" standalone="yes"?>
<Relationships xmlns="http://schemas.openxmlformats.org/package/2006/relationships"><Relationship Id="rId8" Type="http://schemas.microsoft.com/office/2007/relationships/hdphoto" Target="../media/hdphoto1.wdp"/><Relationship Id="rId3" Type="http://schemas.openxmlformats.org/officeDocument/2006/relationships/notesSlide" Target="../notesSlides/notesSlide2.xml"/><Relationship Id="rId7" Type="http://schemas.openxmlformats.org/officeDocument/2006/relationships/image" Target="../media/image4.png"/><Relationship Id="rId2" Type="http://schemas.openxmlformats.org/officeDocument/2006/relationships/slideLayout" Target="../slideLayouts/slideLayout5.xml"/><Relationship Id="rId1" Type="http://schemas.openxmlformats.org/officeDocument/2006/relationships/tags" Target="../tags/tag3.xml"/><Relationship Id="rId6" Type="http://schemas.openxmlformats.org/officeDocument/2006/relationships/image" Target="../media/image3.png"/><Relationship Id="rId5" Type="http://schemas.openxmlformats.org/officeDocument/2006/relationships/image" Target="../media/image4.svg"/><Relationship Id="rId4" Type="http://schemas.openxmlformats.org/officeDocument/2006/relationships/image" Target="../media/image2.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5.xml"/><Relationship Id="rId1" Type="http://schemas.openxmlformats.org/officeDocument/2006/relationships/tags" Target="../tags/tag21.xml"/><Relationship Id="rId5" Type="http://schemas.openxmlformats.org/officeDocument/2006/relationships/image" Target="../media/image26.svg"/><Relationship Id="rId4" Type="http://schemas.openxmlformats.org/officeDocument/2006/relationships/image" Target="../media/image19.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16.xml"/><Relationship Id="rId1" Type="http://schemas.openxmlformats.org/officeDocument/2006/relationships/tags" Target="../tags/tag22.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7" Type="http://schemas.openxmlformats.org/officeDocument/2006/relationships/image" Target="../media/image16.svg"/><Relationship Id="rId2" Type="http://schemas.openxmlformats.org/officeDocument/2006/relationships/slideLayout" Target="../slideLayouts/slideLayout14.xml"/><Relationship Id="rId1" Type="http://schemas.openxmlformats.org/officeDocument/2006/relationships/tags" Target="../tags/tag23.xml"/><Relationship Id="rId6" Type="http://schemas.openxmlformats.org/officeDocument/2006/relationships/image" Target="../media/image10.png"/><Relationship Id="rId5" Type="http://schemas.openxmlformats.org/officeDocument/2006/relationships/image" Target="../media/image9.svg"/><Relationship Id="rId4" Type="http://schemas.openxmlformats.org/officeDocument/2006/relationships/image" Target="../media/image6.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5.xml"/><Relationship Id="rId1" Type="http://schemas.openxmlformats.org/officeDocument/2006/relationships/tags" Target="../tags/tag24.xml"/><Relationship Id="rId4" Type="http://schemas.openxmlformats.org/officeDocument/2006/relationships/image" Target="../media/image11.png"/></Relationships>
</file>

<file path=ppt/slides/_rels/slide24.xml.rels><?xml version="1.0" encoding="UTF-8" standalone="yes"?>
<Relationships xmlns="http://schemas.openxmlformats.org/package/2006/relationships"><Relationship Id="rId13" Type="http://schemas.openxmlformats.org/officeDocument/2006/relationships/image" Target="../media/image33.svg"/><Relationship Id="rId18" Type="http://schemas.openxmlformats.org/officeDocument/2006/relationships/image" Target="../media/image25.png"/><Relationship Id="rId26" Type="http://schemas.openxmlformats.org/officeDocument/2006/relationships/slide" Target="slide32.xml"/><Relationship Id="rId3" Type="http://schemas.openxmlformats.org/officeDocument/2006/relationships/notesSlide" Target="../notesSlides/notesSlide24.xml"/><Relationship Id="rId21" Type="http://schemas.openxmlformats.org/officeDocument/2006/relationships/image" Target="../media/image26.png"/><Relationship Id="rId7" Type="http://schemas.openxmlformats.org/officeDocument/2006/relationships/image" Target="../media/image29.svg"/><Relationship Id="rId12" Type="http://schemas.openxmlformats.org/officeDocument/2006/relationships/image" Target="../media/image23.png"/><Relationship Id="rId17" Type="http://schemas.openxmlformats.org/officeDocument/2006/relationships/slide" Target="slide29.xml"/><Relationship Id="rId25" Type="http://schemas.openxmlformats.org/officeDocument/2006/relationships/image" Target="../media/image41.svg"/><Relationship Id="rId33" Type="http://schemas.openxmlformats.org/officeDocument/2006/relationships/image" Target="../media/image47.svg"/><Relationship Id="rId2" Type="http://schemas.openxmlformats.org/officeDocument/2006/relationships/slideLayout" Target="../slideLayouts/slideLayout17.xml"/><Relationship Id="rId16" Type="http://schemas.openxmlformats.org/officeDocument/2006/relationships/image" Target="../media/image35.svg"/><Relationship Id="rId20" Type="http://schemas.openxmlformats.org/officeDocument/2006/relationships/slide" Target="slide27.xml"/><Relationship Id="rId29" Type="http://schemas.openxmlformats.org/officeDocument/2006/relationships/slide" Target="slide33.xml"/><Relationship Id="rId1" Type="http://schemas.openxmlformats.org/officeDocument/2006/relationships/tags" Target="../tags/tag25.xml"/><Relationship Id="rId6" Type="http://schemas.openxmlformats.org/officeDocument/2006/relationships/image" Target="../media/image21.png"/><Relationship Id="rId11" Type="http://schemas.openxmlformats.org/officeDocument/2006/relationships/slide" Target="slide28.xml"/><Relationship Id="rId24" Type="http://schemas.openxmlformats.org/officeDocument/2006/relationships/image" Target="../media/image27.png"/><Relationship Id="rId32" Type="http://schemas.openxmlformats.org/officeDocument/2006/relationships/image" Target="../media/image30.png"/><Relationship Id="rId5" Type="http://schemas.openxmlformats.org/officeDocument/2006/relationships/slide" Target="slide25.xml"/><Relationship Id="rId15" Type="http://schemas.openxmlformats.org/officeDocument/2006/relationships/image" Target="../media/image24.png"/><Relationship Id="rId23" Type="http://schemas.openxmlformats.org/officeDocument/2006/relationships/slide" Target="slide31.xml"/><Relationship Id="rId28" Type="http://schemas.openxmlformats.org/officeDocument/2006/relationships/image" Target="../media/image43.svg"/><Relationship Id="rId10" Type="http://schemas.openxmlformats.org/officeDocument/2006/relationships/image" Target="../media/image31.svg"/><Relationship Id="rId19" Type="http://schemas.openxmlformats.org/officeDocument/2006/relationships/image" Target="../media/image37.svg"/><Relationship Id="rId31" Type="http://schemas.openxmlformats.org/officeDocument/2006/relationships/image" Target="../media/image45.svg"/><Relationship Id="rId4" Type="http://schemas.openxmlformats.org/officeDocument/2006/relationships/image" Target="../media/image20.png"/><Relationship Id="rId9" Type="http://schemas.openxmlformats.org/officeDocument/2006/relationships/image" Target="../media/image22.png"/><Relationship Id="rId14" Type="http://schemas.openxmlformats.org/officeDocument/2006/relationships/slide" Target="slide30.xml"/><Relationship Id="rId22" Type="http://schemas.openxmlformats.org/officeDocument/2006/relationships/image" Target="../media/image39.svg"/><Relationship Id="rId27" Type="http://schemas.openxmlformats.org/officeDocument/2006/relationships/image" Target="../media/image28.png"/><Relationship Id="rId30" Type="http://schemas.openxmlformats.org/officeDocument/2006/relationships/image" Target="../media/image29.png"/><Relationship Id="rId8" Type="http://schemas.openxmlformats.org/officeDocument/2006/relationships/slide" Target="slide26.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11.xml"/><Relationship Id="rId1" Type="http://schemas.openxmlformats.org/officeDocument/2006/relationships/tags" Target="../tags/tag26.xml"/><Relationship Id="rId6" Type="http://schemas.openxmlformats.org/officeDocument/2006/relationships/image" Target="../media/image49.svg"/><Relationship Id="rId5" Type="http://schemas.openxmlformats.org/officeDocument/2006/relationships/image" Target="../media/image31.png"/><Relationship Id="rId4" Type="http://schemas.openxmlformats.org/officeDocument/2006/relationships/slide" Target="slide24.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1.xml"/><Relationship Id="rId1" Type="http://schemas.openxmlformats.org/officeDocument/2006/relationships/tags" Target="../tags/tag27.xml"/><Relationship Id="rId6" Type="http://schemas.openxmlformats.org/officeDocument/2006/relationships/image" Target="../media/image49.svg"/><Relationship Id="rId5" Type="http://schemas.openxmlformats.org/officeDocument/2006/relationships/image" Target="../media/image31.png"/><Relationship Id="rId4" Type="http://schemas.openxmlformats.org/officeDocument/2006/relationships/slide" Target="slide24.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11.xml"/><Relationship Id="rId1" Type="http://schemas.openxmlformats.org/officeDocument/2006/relationships/tags" Target="../tags/tag28.xml"/><Relationship Id="rId6" Type="http://schemas.openxmlformats.org/officeDocument/2006/relationships/image" Target="../media/image49.svg"/><Relationship Id="rId5" Type="http://schemas.openxmlformats.org/officeDocument/2006/relationships/image" Target="../media/image31.png"/><Relationship Id="rId4" Type="http://schemas.openxmlformats.org/officeDocument/2006/relationships/slide" Target="slide24.xml"/></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11.xml"/><Relationship Id="rId1" Type="http://schemas.openxmlformats.org/officeDocument/2006/relationships/tags" Target="../tags/tag29.xml"/><Relationship Id="rId6" Type="http://schemas.openxmlformats.org/officeDocument/2006/relationships/image" Target="../media/image49.svg"/><Relationship Id="rId5" Type="http://schemas.openxmlformats.org/officeDocument/2006/relationships/image" Target="../media/image31.png"/><Relationship Id="rId4" Type="http://schemas.openxmlformats.org/officeDocument/2006/relationships/slide" Target="slide24.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11.xml"/><Relationship Id="rId1" Type="http://schemas.openxmlformats.org/officeDocument/2006/relationships/tags" Target="../tags/tag30.xml"/><Relationship Id="rId6" Type="http://schemas.openxmlformats.org/officeDocument/2006/relationships/image" Target="../media/image49.svg"/><Relationship Id="rId5" Type="http://schemas.openxmlformats.org/officeDocument/2006/relationships/image" Target="../media/image31.png"/><Relationship Id="rId4" Type="http://schemas.openxmlformats.org/officeDocument/2006/relationships/slide" Target="slide24.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6.xml"/><Relationship Id="rId1" Type="http://schemas.openxmlformats.org/officeDocument/2006/relationships/tags" Target="../tags/tag4.xml"/><Relationship Id="rId4" Type="http://schemas.openxmlformats.org/officeDocument/2006/relationships/image" Target="../media/image5.jpg"/></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5.xml"/><Relationship Id="rId1" Type="http://schemas.openxmlformats.org/officeDocument/2006/relationships/tags" Target="../tags/tag31.xm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5.xml"/><Relationship Id="rId1" Type="http://schemas.openxmlformats.org/officeDocument/2006/relationships/tags" Target="../tags/tag32.xml"/></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5.xml"/><Relationship Id="rId1" Type="http://schemas.openxmlformats.org/officeDocument/2006/relationships/tags" Target="../tags/tag33.xml"/><Relationship Id="rId5" Type="http://schemas.openxmlformats.org/officeDocument/2006/relationships/image" Target="../media/image33.png"/><Relationship Id="rId4" Type="http://schemas.openxmlformats.org/officeDocument/2006/relationships/image" Target="../media/image32.jpg"/></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1.xml"/><Relationship Id="rId1" Type="http://schemas.openxmlformats.org/officeDocument/2006/relationships/tags" Target="../tags/tag3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2.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7" Type="http://schemas.openxmlformats.org/officeDocument/2006/relationships/image" Target="../media/image11.svg"/><Relationship Id="rId2" Type="http://schemas.openxmlformats.org/officeDocument/2006/relationships/slideLayout" Target="../slideLayouts/slideLayout3.xml"/><Relationship Id="rId1" Type="http://schemas.openxmlformats.org/officeDocument/2006/relationships/tags" Target="../tags/tag7.xml"/><Relationship Id="rId6" Type="http://schemas.openxmlformats.org/officeDocument/2006/relationships/image" Target="../media/image7.png"/><Relationship Id="rId5" Type="http://schemas.openxmlformats.org/officeDocument/2006/relationships/image" Target="../media/image9.svg"/><Relationship Id="rId4" Type="http://schemas.openxmlformats.org/officeDocument/2006/relationships/image" Target="../media/image6.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7" Type="http://schemas.openxmlformats.org/officeDocument/2006/relationships/image" Target="../media/image14.svg"/><Relationship Id="rId2" Type="http://schemas.openxmlformats.org/officeDocument/2006/relationships/slideLayout" Target="../slideLayouts/slideLayout13.xml"/><Relationship Id="rId1" Type="http://schemas.openxmlformats.org/officeDocument/2006/relationships/tags" Target="../tags/tag8.xml"/><Relationship Id="rId6" Type="http://schemas.openxmlformats.org/officeDocument/2006/relationships/image" Target="../media/image9.png"/><Relationship Id="rId5" Type="http://schemas.microsoft.com/office/2007/relationships/hdphoto" Target="../media/hdphoto2.wdp"/><Relationship Id="rId4" Type="http://schemas.openxmlformats.org/officeDocument/2006/relationships/image" Target="../media/image8.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3.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5.xml"/><Relationship Id="rId1" Type="http://schemas.openxmlformats.org/officeDocument/2006/relationships/tags" Target="../tags/tag10.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182"/>
        <p:cNvGrpSpPr/>
        <p:nvPr/>
      </p:nvGrpSpPr>
      <p:grpSpPr>
        <a:xfrm>
          <a:off x="0" y="0"/>
          <a:ext cx="0" cy="0"/>
          <a:chOff x="0" y="0"/>
          <a:chExt cx="0" cy="0"/>
        </a:xfrm>
      </p:grpSpPr>
      <p:grpSp>
        <p:nvGrpSpPr>
          <p:cNvPr id="183" name="Google Shape;183;p24"/>
          <p:cNvGrpSpPr/>
          <p:nvPr/>
        </p:nvGrpSpPr>
        <p:grpSpPr>
          <a:xfrm>
            <a:off x="125995" y="539451"/>
            <a:ext cx="5432759" cy="4478015"/>
            <a:chOff x="125995" y="539451"/>
            <a:chExt cx="5432759" cy="4478015"/>
          </a:xfrm>
        </p:grpSpPr>
        <p:sp>
          <p:nvSpPr>
            <p:cNvPr id="184" name="Google Shape;184;p24"/>
            <p:cNvSpPr/>
            <p:nvPr/>
          </p:nvSpPr>
          <p:spPr>
            <a:xfrm>
              <a:off x="126002" y="1252657"/>
              <a:ext cx="4221028" cy="3764809"/>
            </a:xfrm>
            <a:custGeom>
              <a:avLst/>
              <a:gdLst/>
              <a:ahLst/>
              <a:cxnLst/>
              <a:rect l="l" t="t" r="r" b="b"/>
              <a:pathLst>
                <a:path w="76678" h="64849" extrusionOk="0">
                  <a:moveTo>
                    <a:pt x="53071" y="4482"/>
                  </a:moveTo>
                  <a:lnTo>
                    <a:pt x="52497" y="7214"/>
                  </a:lnTo>
                  <a:lnTo>
                    <a:pt x="52497" y="8066"/>
                  </a:lnTo>
                  <a:lnTo>
                    <a:pt x="52497" y="8999"/>
                  </a:lnTo>
                  <a:lnTo>
                    <a:pt x="52497" y="10952"/>
                  </a:lnTo>
                  <a:cubicBezTo>
                    <a:pt x="51802" y="10561"/>
                    <a:pt x="51185" y="10087"/>
                    <a:pt x="50667" y="9512"/>
                  </a:cubicBezTo>
                  <a:cubicBezTo>
                    <a:pt x="49217" y="7901"/>
                    <a:pt x="48758" y="5876"/>
                    <a:pt x="48624" y="4482"/>
                  </a:cubicBezTo>
                  <a:close/>
                  <a:moveTo>
                    <a:pt x="56523" y="8999"/>
                  </a:moveTo>
                  <a:lnTo>
                    <a:pt x="56523" y="11059"/>
                  </a:lnTo>
                  <a:lnTo>
                    <a:pt x="56229" y="11059"/>
                  </a:lnTo>
                  <a:lnTo>
                    <a:pt x="56229" y="9444"/>
                  </a:lnTo>
                  <a:lnTo>
                    <a:pt x="55814" y="9444"/>
                  </a:lnTo>
                  <a:lnTo>
                    <a:pt x="55814" y="10574"/>
                  </a:lnTo>
                  <a:lnTo>
                    <a:pt x="55745" y="10574"/>
                  </a:lnTo>
                  <a:lnTo>
                    <a:pt x="55745" y="10465"/>
                  </a:lnTo>
                  <a:cubicBezTo>
                    <a:pt x="55745" y="10366"/>
                    <a:pt x="55666" y="10287"/>
                    <a:pt x="55569" y="10287"/>
                  </a:cubicBezTo>
                  <a:cubicBezTo>
                    <a:pt x="55470" y="10287"/>
                    <a:pt x="55391" y="10366"/>
                    <a:pt x="55391" y="10465"/>
                  </a:cubicBezTo>
                  <a:lnTo>
                    <a:pt x="55391" y="10574"/>
                  </a:lnTo>
                  <a:lnTo>
                    <a:pt x="55335" y="10574"/>
                  </a:lnTo>
                  <a:lnTo>
                    <a:pt x="55335" y="10465"/>
                  </a:lnTo>
                  <a:cubicBezTo>
                    <a:pt x="55335" y="10366"/>
                    <a:pt x="55255" y="10287"/>
                    <a:pt x="55157" y="10287"/>
                  </a:cubicBezTo>
                  <a:cubicBezTo>
                    <a:pt x="55060" y="10287"/>
                    <a:pt x="54980" y="10366"/>
                    <a:pt x="54980" y="10465"/>
                  </a:cubicBezTo>
                  <a:lnTo>
                    <a:pt x="54980" y="10574"/>
                  </a:lnTo>
                  <a:lnTo>
                    <a:pt x="54925" y="10574"/>
                  </a:lnTo>
                  <a:lnTo>
                    <a:pt x="54925" y="10465"/>
                  </a:lnTo>
                  <a:cubicBezTo>
                    <a:pt x="54925" y="10366"/>
                    <a:pt x="54845" y="10287"/>
                    <a:pt x="54747" y="10287"/>
                  </a:cubicBezTo>
                  <a:cubicBezTo>
                    <a:pt x="54649" y="10287"/>
                    <a:pt x="54570" y="10366"/>
                    <a:pt x="54570" y="10465"/>
                  </a:cubicBezTo>
                  <a:lnTo>
                    <a:pt x="54570" y="10574"/>
                  </a:lnTo>
                  <a:lnTo>
                    <a:pt x="54513" y="10574"/>
                  </a:lnTo>
                  <a:lnTo>
                    <a:pt x="54513" y="10465"/>
                  </a:lnTo>
                  <a:cubicBezTo>
                    <a:pt x="54513" y="10366"/>
                    <a:pt x="54435" y="10287"/>
                    <a:pt x="54337" y="10287"/>
                  </a:cubicBezTo>
                  <a:cubicBezTo>
                    <a:pt x="54238" y="10287"/>
                    <a:pt x="54159" y="10366"/>
                    <a:pt x="54159" y="10465"/>
                  </a:cubicBezTo>
                  <a:lnTo>
                    <a:pt x="54159" y="10574"/>
                  </a:lnTo>
                  <a:lnTo>
                    <a:pt x="54090" y="10574"/>
                  </a:lnTo>
                  <a:lnTo>
                    <a:pt x="54090" y="9444"/>
                  </a:lnTo>
                  <a:lnTo>
                    <a:pt x="53675" y="9444"/>
                  </a:lnTo>
                  <a:lnTo>
                    <a:pt x="53675" y="11059"/>
                  </a:lnTo>
                  <a:lnTo>
                    <a:pt x="53382" y="11059"/>
                  </a:lnTo>
                  <a:lnTo>
                    <a:pt x="53382" y="8999"/>
                  </a:lnTo>
                  <a:close/>
                  <a:moveTo>
                    <a:pt x="68938" y="8999"/>
                  </a:moveTo>
                  <a:lnTo>
                    <a:pt x="68938" y="11059"/>
                  </a:lnTo>
                  <a:lnTo>
                    <a:pt x="68645" y="11059"/>
                  </a:lnTo>
                  <a:lnTo>
                    <a:pt x="68645" y="9444"/>
                  </a:lnTo>
                  <a:lnTo>
                    <a:pt x="68229" y="9444"/>
                  </a:lnTo>
                  <a:lnTo>
                    <a:pt x="68229" y="10574"/>
                  </a:lnTo>
                  <a:lnTo>
                    <a:pt x="68162" y="10574"/>
                  </a:lnTo>
                  <a:lnTo>
                    <a:pt x="68162" y="10465"/>
                  </a:lnTo>
                  <a:cubicBezTo>
                    <a:pt x="68162" y="10366"/>
                    <a:pt x="68082" y="10287"/>
                    <a:pt x="67984" y="10287"/>
                  </a:cubicBezTo>
                  <a:cubicBezTo>
                    <a:pt x="67886" y="10287"/>
                    <a:pt x="67806" y="10366"/>
                    <a:pt x="67806" y="10465"/>
                  </a:cubicBezTo>
                  <a:lnTo>
                    <a:pt x="67806" y="10574"/>
                  </a:lnTo>
                  <a:lnTo>
                    <a:pt x="67751" y="10574"/>
                  </a:lnTo>
                  <a:lnTo>
                    <a:pt x="67751" y="10465"/>
                  </a:lnTo>
                  <a:cubicBezTo>
                    <a:pt x="67751" y="10366"/>
                    <a:pt x="67671" y="10287"/>
                    <a:pt x="67574" y="10287"/>
                  </a:cubicBezTo>
                  <a:cubicBezTo>
                    <a:pt x="67476" y="10287"/>
                    <a:pt x="67396" y="10366"/>
                    <a:pt x="67396" y="10465"/>
                  </a:cubicBezTo>
                  <a:lnTo>
                    <a:pt x="67396" y="10574"/>
                  </a:lnTo>
                  <a:lnTo>
                    <a:pt x="67340" y="10574"/>
                  </a:lnTo>
                  <a:lnTo>
                    <a:pt x="67340" y="10465"/>
                  </a:lnTo>
                  <a:cubicBezTo>
                    <a:pt x="67340" y="10366"/>
                    <a:pt x="67261" y="10287"/>
                    <a:pt x="67162" y="10287"/>
                  </a:cubicBezTo>
                  <a:cubicBezTo>
                    <a:pt x="67065" y="10287"/>
                    <a:pt x="66986" y="10366"/>
                    <a:pt x="66986" y="10465"/>
                  </a:cubicBezTo>
                  <a:lnTo>
                    <a:pt x="66986" y="10574"/>
                  </a:lnTo>
                  <a:lnTo>
                    <a:pt x="66930" y="10574"/>
                  </a:lnTo>
                  <a:lnTo>
                    <a:pt x="66930" y="10465"/>
                  </a:lnTo>
                  <a:cubicBezTo>
                    <a:pt x="66930" y="10366"/>
                    <a:pt x="66850" y="10287"/>
                    <a:pt x="66752" y="10287"/>
                  </a:cubicBezTo>
                  <a:cubicBezTo>
                    <a:pt x="66654" y="10287"/>
                    <a:pt x="66575" y="10366"/>
                    <a:pt x="66575" y="10465"/>
                  </a:cubicBezTo>
                  <a:lnTo>
                    <a:pt x="66575" y="10574"/>
                  </a:lnTo>
                  <a:lnTo>
                    <a:pt x="66507" y="10574"/>
                  </a:lnTo>
                  <a:lnTo>
                    <a:pt x="66507" y="9444"/>
                  </a:lnTo>
                  <a:lnTo>
                    <a:pt x="66092" y="9444"/>
                  </a:lnTo>
                  <a:lnTo>
                    <a:pt x="66092" y="11059"/>
                  </a:lnTo>
                  <a:lnTo>
                    <a:pt x="65798" y="11059"/>
                  </a:lnTo>
                  <a:lnTo>
                    <a:pt x="65798" y="8999"/>
                  </a:lnTo>
                  <a:close/>
                  <a:moveTo>
                    <a:pt x="47607" y="4482"/>
                  </a:moveTo>
                  <a:cubicBezTo>
                    <a:pt x="47439" y="5818"/>
                    <a:pt x="46945" y="7717"/>
                    <a:pt x="45550" y="9225"/>
                  </a:cubicBezTo>
                  <a:cubicBezTo>
                    <a:pt x="44021" y="10879"/>
                    <a:pt x="41735" y="11718"/>
                    <a:pt x="38755" y="11718"/>
                  </a:cubicBezTo>
                  <a:cubicBezTo>
                    <a:pt x="35786" y="11718"/>
                    <a:pt x="33502" y="10881"/>
                    <a:pt x="31961" y="9230"/>
                  </a:cubicBezTo>
                  <a:cubicBezTo>
                    <a:pt x="30562" y="7729"/>
                    <a:pt x="30048" y="5833"/>
                    <a:pt x="29863" y="4482"/>
                  </a:cubicBezTo>
                  <a:close/>
                  <a:moveTo>
                    <a:pt x="28365" y="4482"/>
                  </a:moveTo>
                  <a:cubicBezTo>
                    <a:pt x="27459" y="7179"/>
                    <a:pt x="25095" y="11919"/>
                    <a:pt x="19664" y="11919"/>
                  </a:cubicBezTo>
                  <a:cubicBezTo>
                    <a:pt x="15603" y="11919"/>
                    <a:pt x="13286" y="9571"/>
                    <a:pt x="11999" y="7349"/>
                  </a:cubicBezTo>
                  <a:lnTo>
                    <a:pt x="11999" y="4482"/>
                  </a:lnTo>
                  <a:close/>
                  <a:moveTo>
                    <a:pt x="56523" y="12042"/>
                  </a:moveTo>
                  <a:lnTo>
                    <a:pt x="56523" y="12126"/>
                  </a:lnTo>
                  <a:cubicBezTo>
                    <a:pt x="56424" y="12116"/>
                    <a:pt x="56327" y="12104"/>
                    <a:pt x="56229" y="12092"/>
                  </a:cubicBezTo>
                  <a:lnTo>
                    <a:pt x="56229" y="12042"/>
                  </a:lnTo>
                  <a:close/>
                  <a:moveTo>
                    <a:pt x="55391" y="22148"/>
                  </a:moveTo>
                  <a:lnTo>
                    <a:pt x="55391" y="22213"/>
                  </a:lnTo>
                  <a:cubicBezTo>
                    <a:pt x="55391" y="22312"/>
                    <a:pt x="55470" y="22391"/>
                    <a:pt x="55569" y="22391"/>
                  </a:cubicBezTo>
                  <a:cubicBezTo>
                    <a:pt x="55666" y="22391"/>
                    <a:pt x="55745" y="22312"/>
                    <a:pt x="55745" y="22213"/>
                  </a:cubicBezTo>
                  <a:lnTo>
                    <a:pt x="55745" y="22149"/>
                  </a:lnTo>
                  <a:cubicBezTo>
                    <a:pt x="56065" y="22241"/>
                    <a:pt x="56282" y="22574"/>
                    <a:pt x="56186" y="22938"/>
                  </a:cubicBezTo>
                  <a:cubicBezTo>
                    <a:pt x="56129" y="23152"/>
                    <a:pt x="55956" y="23325"/>
                    <a:pt x="55742" y="23381"/>
                  </a:cubicBezTo>
                  <a:cubicBezTo>
                    <a:pt x="55683" y="23397"/>
                    <a:pt x="55625" y="23404"/>
                    <a:pt x="55568" y="23404"/>
                  </a:cubicBezTo>
                  <a:cubicBezTo>
                    <a:pt x="55159" y="23404"/>
                    <a:pt x="54838" y="23017"/>
                    <a:pt x="54952" y="22590"/>
                  </a:cubicBezTo>
                  <a:cubicBezTo>
                    <a:pt x="55007" y="22378"/>
                    <a:pt x="55179" y="22206"/>
                    <a:pt x="55391" y="22148"/>
                  </a:cubicBezTo>
                  <a:close/>
                  <a:moveTo>
                    <a:pt x="66574" y="22148"/>
                  </a:moveTo>
                  <a:lnTo>
                    <a:pt x="66574" y="22213"/>
                  </a:lnTo>
                  <a:cubicBezTo>
                    <a:pt x="66574" y="22312"/>
                    <a:pt x="66654" y="22391"/>
                    <a:pt x="66752" y="22391"/>
                  </a:cubicBezTo>
                  <a:cubicBezTo>
                    <a:pt x="66850" y="22391"/>
                    <a:pt x="66929" y="22312"/>
                    <a:pt x="66929" y="22213"/>
                  </a:cubicBezTo>
                  <a:lnTo>
                    <a:pt x="66929" y="22149"/>
                  </a:lnTo>
                  <a:cubicBezTo>
                    <a:pt x="67248" y="22241"/>
                    <a:pt x="67465" y="22574"/>
                    <a:pt x="67369" y="22938"/>
                  </a:cubicBezTo>
                  <a:cubicBezTo>
                    <a:pt x="67312" y="23152"/>
                    <a:pt x="67140" y="23325"/>
                    <a:pt x="66926" y="23381"/>
                  </a:cubicBezTo>
                  <a:cubicBezTo>
                    <a:pt x="66867" y="23397"/>
                    <a:pt x="66808" y="23404"/>
                    <a:pt x="66752" y="23404"/>
                  </a:cubicBezTo>
                  <a:cubicBezTo>
                    <a:pt x="66342" y="23404"/>
                    <a:pt x="66021" y="23017"/>
                    <a:pt x="66135" y="22590"/>
                  </a:cubicBezTo>
                  <a:cubicBezTo>
                    <a:pt x="66191" y="22378"/>
                    <a:pt x="66362" y="22206"/>
                    <a:pt x="66574" y="22148"/>
                  </a:cubicBezTo>
                  <a:close/>
                  <a:moveTo>
                    <a:pt x="66092" y="12042"/>
                  </a:moveTo>
                  <a:lnTo>
                    <a:pt x="66092" y="14051"/>
                  </a:lnTo>
                  <a:lnTo>
                    <a:pt x="66507" y="14051"/>
                  </a:lnTo>
                  <a:lnTo>
                    <a:pt x="66507" y="12923"/>
                  </a:lnTo>
                  <a:lnTo>
                    <a:pt x="66574" y="12923"/>
                  </a:lnTo>
                  <a:lnTo>
                    <a:pt x="66574" y="13032"/>
                  </a:lnTo>
                  <a:lnTo>
                    <a:pt x="66574" y="21670"/>
                  </a:lnTo>
                  <a:cubicBezTo>
                    <a:pt x="66559" y="21672"/>
                    <a:pt x="66543" y="21671"/>
                    <a:pt x="66528" y="21674"/>
                  </a:cubicBezTo>
                  <a:cubicBezTo>
                    <a:pt x="66087" y="21761"/>
                    <a:pt x="65735" y="22120"/>
                    <a:pt x="65657" y="22563"/>
                  </a:cubicBezTo>
                  <a:cubicBezTo>
                    <a:pt x="65563" y="23097"/>
                    <a:pt x="65854" y="23579"/>
                    <a:pt x="66297" y="23778"/>
                  </a:cubicBezTo>
                  <a:cubicBezTo>
                    <a:pt x="66414" y="23830"/>
                    <a:pt x="66485" y="23950"/>
                    <a:pt x="66485" y="24078"/>
                  </a:cubicBezTo>
                  <a:lnTo>
                    <a:pt x="66485" y="24440"/>
                  </a:lnTo>
                  <a:cubicBezTo>
                    <a:pt x="64794" y="23678"/>
                    <a:pt x="62977" y="23296"/>
                    <a:pt x="61160" y="23296"/>
                  </a:cubicBezTo>
                  <a:cubicBezTo>
                    <a:pt x="59343" y="23296"/>
                    <a:pt x="57526" y="23678"/>
                    <a:pt x="55835" y="24440"/>
                  </a:cubicBezTo>
                  <a:lnTo>
                    <a:pt x="55835" y="24070"/>
                  </a:lnTo>
                  <a:cubicBezTo>
                    <a:pt x="55835" y="23940"/>
                    <a:pt x="55917" y="23828"/>
                    <a:pt x="56035" y="23773"/>
                  </a:cubicBezTo>
                  <a:cubicBezTo>
                    <a:pt x="56415" y="23596"/>
                    <a:pt x="56681" y="23211"/>
                    <a:pt x="56681" y="22764"/>
                  </a:cubicBezTo>
                  <a:cubicBezTo>
                    <a:pt x="56681" y="22211"/>
                    <a:pt x="56275" y="21759"/>
                    <a:pt x="55745" y="21673"/>
                  </a:cubicBezTo>
                  <a:lnTo>
                    <a:pt x="55745" y="13031"/>
                  </a:lnTo>
                  <a:lnTo>
                    <a:pt x="55745" y="12962"/>
                  </a:lnTo>
                  <a:cubicBezTo>
                    <a:pt x="55768" y="12965"/>
                    <a:pt x="55792" y="12967"/>
                    <a:pt x="55814" y="12970"/>
                  </a:cubicBezTo>
                  <a:lnTo>
                    <a:pt x="55814" y="14051"/>
                  </a:lnTo>
                  <a:lnTo>
                    <a:pt x="56229" y="14051"/>
                  </a:lnTo>
                  <a:lnTo>
                    <a:pt x="56229" y="13019"/>
                  </a:lnTo>
                  <a:cubicBezTo>
                    <a:pt x="56327" y="13029"/>
                    <a:pt x="56422" y="13045"/>
                    <a:pt x="56523" y="13053"/>
                  </a:cubicBezTo>
                  <a:lnTo>
                    <a:pt x="56523" y="14051"/>
                  </a:lnTo>
                  <a:lnTo>
                    <a:pt x="57112" y="14051"/>
                  </a:lnTo>
                  <a:cubicBezTo>
                    <a:pt x="57272" y="14514"/>
                    <a:pt x="57706" y="14848"/>
                    <a:pt x="58223" y="14848"/>
                  </a:cubicBezTo>
                  <a:lnTo>
                    <a:pt x="64264" y="14848"/>
                  </a:lnTo>
                  <a:cubicBezTo>
                    <a:pt x="64781" y="14848"/>
                    <a:pt x="65216" y="14514"/>
                    <a:pt x="65375" y="14051"/>
                  </a:cubicBezTo>
                  <a:lnTo>
                    <a:pt x="65798" y="14051"/>
                  </a:lnTo>
                  <a:lnTo>
                    <a:pt x="65798" y="12042"/>
                  </a:lnTo>
                  <a:close/>
                  <a:moveTo>
                    <a:pt x="0" y="1"/>
                  </a:moveTo>
                  <a:lnTo>
                    <a:pt x="0" y="928"/>
                  </a:lnTo>
                  <a:lnTo>
                    <a:pt x="0" y="3553"/>
                  </a:lnTo>
                  <a:lnTo>
                    <a:pt x="0" y="4482"/>
                  </a:lnTo>
                  <a:lnTo>
                    <a:pt x="6284" y="4482"/>
                  </a:lnTo>
                  <a:lnTo>
                    <a:pt x="6284" y="64849"/>
                  </a:lnTo>
                  <a:lnTo>
                    <a:pt x="11999" y="64849"/>
                  </a:lnTo>
                  <a:lnTo>
                    <a:pt x="11999" y="8951"/>
                  </a:lnTo>
                  <a:cubicBezTo>
                    <a:pt x="13514" y="10992"/>
                    <a:pt x="15918" y="12841"/>
                    <a:pt x="19664" y="12841"/>
                  </a:cubicBezTo>
                  <a:cubicBezTo>
                    <a:pt x="25322" y="12841"/>
                    <a:pt x="27947" y="8252"/>
                    <a:pt x="29053" y="5283"/>
                  </a:cubicBezTo>
                  <a:cubicBezTo>
                    <a:pt x="29328" y="6679"/>
                    <a:pt x="29940" y="8409"/>
                    <a:pt x="31281" y="9852"/>
                  </a:cubicBezTo>
                  <a:cubicBezTo>
                    <a:pt x="33002" y="11702"/>
                    <a:pt x="35517" y="12639"/>
                    <a:pt x="38755" y="12639"/>
                  </a:cubicBezTo>
                  <a:cubicBezTo>
                    <a:pt x="42003" y="12639"/>
                    <a:pt x="44517" y="11701"/>
                    <a:pt x="46227" y="9850"/>
                  </a:cubicBezTo>
                  <a:cubicBezTo>
                    <a:pt x="47160" y="8842"/>
                    <a:pt x="47732" y="7693"/>
                    <a:pt x="48081" y="6618"/>
                  </a:cubicBezTo>
                  <a:cubicBezTo>
                    <a:pt x="48412" y="7773"/>
                    <a:pt x="48988" y="9023"/>
                    <a:pt x="49976" y="10121"/>
                  </a:cubicBezTo>
                  <a:cubicBezTo>
                    <a:pt x="50505" y="10709"/>
                    <a:pt x="51123" y="11202"/>
                    <a:pt x="51808" y="11618"/>
                  </a:cubicBezTo>
                  <a:cubicBezTo>
                    <a:pt x="51842" y="11856"/>
                    <a:pt x="52039" y="12042"/>
                    <a:pt x="52286" y="12042"/>
                  </a:cubicBezTo>
                  <a:lnTo>
                    <a:pt x="52497" y="12042"/>
                  </a:lnTo>
                  <a:lnTo>
                    <a:pt x="52497" y="13972"/>
                  </a:lnTo>
                  <a:lnTo>
                    <a:pt x="53382" y="13972"/>
                  </a:lnTo>
                  <a:lnTo>
                    <a:pt x="53382" y="12384"/>
                  </a:lnTo>
                  <a:cubicBezTo>
                    <a:pt x="53476" y="12418"/>
                    <a:pt x="53579" y="12444"/>
                    <a:pt x="53675" y="12476"/>
                  </a:cubicBezTo>
                  <a:lnTo>
                    <a:pt x="53675" y="14051"/>
                  </a:lnTo>
                  <a:lnTo>
                    <a:pt x="54090" y="14051"/>
                  </a:lnTo>
                  <a:lnTo>
                    <a:pt x="54090" y="12922"/>
                  </a:lnTo>
                  <a:lnTo>
                    <a:pt x="54159" y="12922"/>
                  </a:lnTo>
                  <a:lnTo>
                    <a:pt x="54159" y="13031"/>
                  </a:lnTo>
                  <a:cubicBezTo>
                    <a:pt x="54159" y="13129"/>
                    <a:pt x="54238" y="13209"/>
                    <a:pt x="54337" y="13209"/>
                  </a:cubicBezTo>
                  <a:cubicBezTo>
                    <a:pt x="54435" y="13209"/>
                    <a:pt x="54513" y="13129"/>
                    <a:pt x="54513" y="13031"/>
                  </a:cubicBezTo>
                  <a:lnTo>
                    <a:pt x="54513" y="12922"/>
                  </a:lnTo>
                  <a:lnTo>
                    <a:pt x="54570" y="12922"/>
                  </a:lnTo>
                  <a:lnTo>
                    <a:pt x="54570" y="13031"/>
                  </a:lnTo>
                  <a:cubicBezTo>
                    <a:pt x="54570" y="13129"/>
                    <a:pt x="54649" y="13209"/>
                    <a:pt x="54747" y="13209"/>
                  </a:cubicBezTo>
                  <a:cubicBezTo>
                    <a:pt x="54845" y="13209"/>
                    <a:pt x="54925" y="13129"/>
                    <a:pt x="54925" y="13031"/>
                  </a:cubicBezTo>
                  <a:lnTo>
                    <a:pt x="54925" y="12922"/>
                  </a:lnTo>
                  <a:lnTo>
                    <a:pt x="54980" y="12922"/>
                  </a:lnTo>
                  <a:lnTo>
                    <a:pt x="54980" y="13031"/>
                  </a:lnTo>
                  <a:cubicBezTo>
                    <a:pt x="54980" y="13129"/>
                    <a:pt x="55060" y="13209"/>
                    <a:pt x="55157" y="13209"/>
                  </a:cubicBezTo>
                  <a:cubicBezTo>
                    <a:pt x="55255" y="13209"/>
                    <a:pt x="55335" y="13129"/>
                    <a:pt x="55335" y="13031"/>
                  </a:cubicBezTo>
                  <a:lnTo>
                    <a:pt x="55335" y="12922"/>
                  </a:lnTo>
                  <a:lnTo>
                    <a:pt x="55391" y="12922"/>
                  </a:lnTo>
                  <a:lnTo>
                    <a:pt x="55391" y="13031"/>
                  </a:lnTo>
                  <a:lnTo>
                    <a:pt x="55391" y="21670"/>
                  </a:lnTo>
                  <a:cubicBezTo>
                    <a:pt x="55375" y="21672"/>
                    <a:pt x="55360" y="21671"/>
                    <a:pt x="55344" y="21674"/>
                  </a:cubicBezTo>
                  <a:cubicBezTo>
                    <a:pt x="54903" y="21761"/>
                    <a:pt x="54552" y="22120"/>
                    <a:pt x="54474" y="22563"/>
                  </a:cubicBezTo>
                  <a:cubicBezTo>
                    <a:pt x="54379" y="23097"/>
                    <a:pt x="54669" y="23578"/>
                    <a:pt x="55113" y="23777"/>
                  </a:cubicBezTo>
                  <a:cubicBezTo>
                    <a:pt x="55230" y="23830"/>
                    <a:pt x="55302" y="23950"/>
                    <a:pt x="55302" y="24078"/>
                  </a:cubicBezTo>
                  <a:lnTo>
                    <a:pt x="55302" y="24696"/>
                  </a:lnTo>
                  <a:cubicBezTo>
                    <a:pt x="54588" y="25058"/>
                    <a:pt x="53897" y="25483"/>
                    <a:pt x="53245" y="25985"/>
                  </a:cubicBezTo>
                  <a:cubicBezTo>
                    <a:pt x="53085" y="26108"/>
                    <a:pt x="52957" y="26261"/>
                    <a:pt x="52844" y="26425"/>
                  </a:cubicBezTo>
                  <a:lnTo>
                    <a:pt x="52834" y="26425"/>
                  </a:lnTo>
                  <a:cubicBezTo>
                    <a:pt x="52794" y="26481"/>
                    <a:pt x="52762" y="26543"/>
                    <a:pt x="52729" y="26603"/>
                  </a:cubicBezTo>
                  <a:cubicBezTo>
                    <a:pt x="52715" y="26631"/>
                    <a:pt x="52698" y="26656"/>
                    <a:pt x="52685" y="26684"/>
                  </a:cubicBezTo>
                  <a:cubicBezTo>
                    <a:pt x="52634" y="26790"/>
                    <a:pt x="52596" y="26903"/>
                    <a:pt x="52565" y="27019"/>
                  </a:cubicBezTo>
                  <a:cubicBezTo>
                    <a:pt x="52557" y="27053"/>
                    <a:pt x="52548" y="27087"/>
                    <a:pt x="52541" y="27122"/>
                  </a:cubicBezTo>
                  <a:cubicBezTo>
                    <a:pt x="52515" y="27248"/>
                    <a:pt x="52497" y="27376"/>
                    <a:pt x="52497" y="27507"/>
                  </a:cubicBezTo>
                  <a:lnTo>
                    <a:pt x="52497" y="27585"/>
                  </a:lnTo>
                  <a:lnTo>
                    <a:pt x="52497" y="28903"/>
                  </a:lnTo>
                  <a:cubicBezTo>
                    <a:pt x="52497" y="29267"/>
                    <a:pt x="52791" y="29563"/>
                    <a:pt x="53156" y="29563"/>
                  </a:cubicBezTo>
                  <a:lnTo>
                    <a:pt x="69165" y="29563"/>
                  </a:lnTo>
                  <a:cubicBezTo>
                    <a:pt x="69529" y="29563"/>
                    <a:pt x="69824" y="29267"/>
                    <a:pt x="69824" y="28903"/>
                  </a:cubicBezTo>
                  <a:lnTo>
                    <a:pt x="69824" y="27585"/>
                  </a:lnTo>
                  <a:lnTo>
                    <a:pt x="69824" y="27507"/>
                  </a:lnTo>
                  <a:cubicBezTo>
                    <a:pt x="69824" y="27376"/>
                    <a:pt x="69806" y="27248"/>
                    <a:pt x="69780" y="27122"/>
                  </a:cubicBezTo>
                  <a:cubicBezTo>
                    <a:pt x="69772" y="27087"/>
                    <a:pt x="69764" y="27053"/>
                    <a:pt x="69755" y="27019"/>
                  </a:cubicBezTo>
                  <a:cubicBezTo>
                    <a:pt x="69724" y="26903"/>
                    <a:pt x="69687" y="26790"/>
                    <a:pt x="69635" y="26684"/>
                  </a:cubicBezTo>
                  <a:cubicBezTo>
                    <a:pt x="69623" y="26656"/>
                    <a:pt x="69605" y="26631"/>
                    <a:pt x="69591" y="26603"/>
                  </a:cubicBezTo>
                  <a:cubicBezTo>
                    <a:pt x="69558" y="26543"/>
                    <a:pt x="69526" y="26481"/>
                    <a:pt x="69487" y="26425"/>
                  </a:cubicBezTo>
                  <a:lnTo>
                    <a:pt x="69476" y="26425"/>
                  </a:lnTo>
                  <a:cubicBezTo>
                    <a:pt x="69364" y="26261"/>
                    <a:pt x="69236" y="26108"/>
                    <a:pt x="69075" y="25985"/>
                  </a:cubicBezTo>
                  <a:cubicBezTo>
                    <a:pt x="68422" y="25483"/>
                    <a:pt x="67732" y="25058"/>
                    <a:pt x="67019" y="24696"/>
                  </a:cubicBezTo>
                  <a:lnTo>
                    <a:pt x="67019" y="24070"/>
                  </a:lnTo>
                  <a:cubicBezTo>
                    <a:pt x="67019" y="23940"/>
                    <a:pt x="67099" y="23828"/>
                    <a:pt x="67218" y="23773"/>
                  </a:cubicBezTo>
                  <a:cubicBezTo>
                    <a:pt x="67600" y="23596"/>
                    <a:pt x="67864" y="23211"/>
                    <a:pt x="67864" y="22764"/>
                  </a:cubicBezTo>
                  <a:cubicBezTo>
                    <a:pt x="67864" y="22211"/>
                    <a:pt x="67458" y="21759"/>
                    <a:pt x="66929" y="21673"/>
                  </a:cubicBezTo>
                  <a:lnTo>
                    <a:pt x="66929" y="13031"/>
                  </a:lnTo>
                  <a:lnTo>
                    <a:pt x="66929" y="12922"/>
                  </a:lnTo>
                  <a:lnTo>
                    <a:pt x="66986" y="12922"/>
                  </a:lnTo>
                  <a:lnTo>
                    <a:pt x="66986" y="13031"/>
                  </a:lnTo>
                  <a:cubicBezTo>
                    <a:pt x="66986" y="13129"/>
                    <a:pt x="67064" y="13209"/>
                    <a:pt x="67162" y="13209"/>
                  </a:cubicBezTo>
                  <a:cubicBezTo>
                    <a:pt x="67261" y="13209"/>
                    <a:pt x="67340" y="13129"/>
                    <a:pt x="67340" y="13031"/>
                  </a:cubicBezTo>
                  <a:lnTo>
                    <a:pt x="67340" y="12922"/>
                  </a:lnTo>
                  <a:lnTo>
                    <a:pt x="67396" y="12922"/>
                  </a:lnTo>
                  <a:lnTo>
                    <a:pt x="67396" y="13031"/>
                  </a:lnTo>
                  <a:cubicBezTo>
                    <a:pt x="67396" y="13129"/>
                    <a:pt x="67476" y="13209"/>
                    <a:pt x="67574" y="13209"/>
                  </a:cubicBezTo>
                  <a:cubicBezTo>
                    <a:pt x="67671" y="13209"/>
                    <a:pt x="67751" y="13129"/>
                    <a:pt x="67751" y="13031"/>
                  </a:cubicBezTo>
                  <a:lnTo>
                    <a:pt x="67751" y="12922"/>
                  </a:lnTo>
                  <a:lnTo>
                    <a:pt x="67806" y="12922"/>
                  </a:lnTo>
                  <a:lnTo>
                    <a:pt x="67806" y="13031"/>
                  </a:lnTo>
                  <a:cubicBezTo>
                    <a:pt x="67806" y="13129"/>
                    <a:pt x="67886" y="13209"/>
                    <a:pt x="67984" y="13209"/>
                  </a:cubicBezTo>
                  <a:cubicBezTo>
                    <a:pt x="68082" y="13209"/>
                    <a:pt x="68161" y="13129"/>
                    <a:pt x="68161" y="13031"/>
                  </a:cubicBezTo>
                  <a:lnTo>
                    <a:pt x="68161" y="12922"/>
                  </a:lnTo>
                  <a:lnTo>
                    <a:pt x="68229" y="12922"/>
                  </a:lnTo>
                  <a:lnTo>
                    <a:pt x="68229" y="14051"/>
                  </a:lnTo>
                  <a:lnTo>
                    <a:pt x="68645" y="14051"/>
                  </a:lnTo>
                  <a:lnTo>
                    <a:pt x="68645" y="12042"/>
                  </a:lnTo>
                  <a:lnTo>
                    <a:pt x="68938" y="12042"/>
                  </a:lnTo>
                  <a:lnTo>
                    <a:pt x="68938" y="13972"/>
                  </a:lnTo>
                  <a:lnTo>
                    <a:pt x="69824" y="13972"/>
                  </a:lnTo>
                  <a:lnTo>
                    <a:pt x="69824" y="12042"/>
                  </a:lnTo>
                  <a:lnTo>
                    <a:pt x="70035" y="12042"/>
                  </a:lnTo>
                  <a:cubicBezTo>
                    <a:pt x="70306" y="12042"/>
                    <a:pt x="70526" y="11822"/>
                    <a:pt x="70526" y="11550"/>
                  </a:cubicBezTo>
                  <a:cubicBezTo>
                    <a:pt x="70526" y="11279"/>
                    <a:pt x="70306" y="11059"/>
                    <a:pt x="70035" y="11059"/>
                  </a:cubicBezTo>
                  <a:lnTo>
                    <a:pt x="69824" y="11059"/>
                  </a:lnTo>
                  <a:lnTo>
                    <a:pt x="69824" y="8999"/>
                  </a:lnTo>
                  <a:lnTo>
                    <a:pt x="69824" y="8066"/>
                  </a:lnTo>
                  <a:lnTo>
                    <a:pt x="69824" y="7214"/>
                  </a:lnTo>
                  <a:lnTo>
                    <a:pt x="69249" y="4482"/>
                  </a:lnTo>
                  <a:lnTo>
                    <a:pt x="75558" y="4482"/>
                  </a:lnTo>
                  <a:lnTo>
                    <a:pt x="75558" y="3553"/>
                  </a:lnTo>
                  <a:lnTo>
                    <a:pt x="75558" y="928"/>
                  </a:lnTo>
                  <a:lnTo>
                    <a:pt x="76677" y="1"/>
                  </a:lnTo>
                  <a:close/>
                </a:path>
              </a:pathLst>
            </a:custGeom>
            <a:solidFill>
              <a:srgbClr val="16263C">
                <a:alpha val="1013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dirty="0"/>
            </a:p>
          </p:txBody>
        </p:sp>
        <p:sp>
          <p:nvSpPr>
            <p:cNvPr id="185" name="Google Shape;185;p24"/>
            <p:cNvSpPr/>
            <p:nvPr/>
          </p:nvSpPr>
          <p:spPr>
            <a:xfrm>
              <a:off x="2710351" y="4131730"/>
              <a:ext cx="187815" cy="885611"/>
            </a:xfrm>
            <a:custGeom>
              <a:avLst/>
              <a:gdLst/>
              <a:ahLst/>
              <a:cxnLst/>
              <a:rect l="l" t="t" r="r" b="b"/>
              <a:pathLst>
                <a:path w="3109" h="14660" extrusionOk="0">
                  <a:moveTo>
                    <a:pt x="0" y="0"/>
                  </a:moveTo>
                  <a:lnTo>
                    <a:pt x="0" y="14659"/>
                  </a:lnTo>
                  <a:lnTo>
                    <a:pt x="3109" y="14659"/>
                  </a:lnTo>
                  <a:lnTo>
                    <a:pt x="3109"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6" name="Google Shape;186;p24"/>
            <p:cNvSpPr/>
            <p:nvPr/>
          </p:nvSpPr>
          <p:spPr>
            <a:xfrm>
              <a:off x="2308149" y="4894635"/>
              <a:ext cx="496147" cy="122693"/>
            </a:xfrm>
            <a:custGeom>
              <a:avLst/>
              <a:gdLst/>
              <a:ahLst/>
              <a:cxnLst/>
              <a:rect l="l" t="t" r="r" b="b"/>
              <a:pathLst>
                <a:path w="8213" h="2031" extrusionOk="0">
                  <a:moveTo>
                    <a:pt x="8213" y="1"/>
                  </a:moveTo>
                  <a:lnTo>
                    <a:pt x="0" y="1015"/>
                  </a:lnTo>
                  <a:lnTo>
                    <a:pt x="0" y="2030"/>
                  </a:lnTo>
                  <a:lnTo>
                    <a:pt x="8213" y="2030"/>
                  </a:lnTo>
                  <a:lnTo>
                    <a:pt x="8213"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7" name="Google Shape;187;p24"/>
            <p:cNvSpPr/>
            <p:nvPr/>
          </p:nvSpPr>
          <p:spPr>
            <a:xfrm>
              <a:off x="2804227" y="4894635"/>
              <a:ext cx="496147" cy="122693"/>
            </a:xfrm>
            <a:custGeom>
              <a:avLst/>
              <a:gdLst/>
              <a:ahLst/>
              <a:cxnLst/>
              <a:rect l="l" t="t" r="r" b="b"/>
              <a:pathLst>
                <a:path w="8213" h="2031" extrusionOk="0">
                  <a:moveTo>
                    <a:pt x="1" y="1"/>
                  </a:moveTo>
                  <a:lnTo>
                    <a:pt x="1" y="2030"/>
                  </a:lnTo>
                  <a:lnTo>
                    <a:pt x="8212" y="2030"/>
                  </a:lnTo>
                  <a:lnTo>
                    <a:pt x="8212" y="1015"/>
                  </a:lnTo>
                  <a:lnTo>
                    <a:pt x="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8" name="Google Shape;188;p24"/>
            <p:cNvSpPr/>
            <p:nvPr/>
          </p:nvSpPr>
          <p:spPr>
            <a:xfrm>
              <a:off x="1117911" y="4131730"/>
              <a:ext cx="187875" cy="885611"/>
            </a:xfrm>
            <a:custGeom>
              <a:avLst/>
              <a:gdLst/>
              <a:ahLst/>
              <a:cxnLst/>
              <a:rect l="l" t="t" r="r" b="b"/>
              <a:pathLst>
                <a:path w="3110" h="14660" extrusionOk="0">
                  <a:moveTo>
                    <a:pt x="0" y="0"/>
                  </a:moveTo>
                  <a:lnTo>
                    <a:pt x="0" y="14659"/>
                  </a:lnTo>
                  <a:lnTo>
                    <a:pt x="3110" y="14659"/>
                  </a:lnTo>
                  <a:lnTo>
                    <a:pt x="311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9" name="Google Shape;189;p24"/>
            <p:cNvSpPr/>
            <p:nvPr/>
          </p:nvSpPr>
          <p:spPr>
            <a:xfrm>
              <a:off x="715708" y="4894635"/>
              <a:ext cx="496147" cy="122693"/>
            </a:xfrm>
            <a:custGeom>
              <a:avLst/>
              <a:gdLst/>
              <a:ahLst/>
              <a:cxnLst/>
              <a:rect l="l" t="t" r="r" b="b"/>
              <a:pathLst>
                <a:path w="8213" h="2031" extrusionOk="0">
                  <a:moveTo>
                    <a:pt x="8213" y="1"/>
                  </a:moveTo>
                  <a:lnTo>
                    <a:pt x="0" y="1015"/>
                  </a:lnTo>
                  <a:lnTo>
                    <a:pt x="0" y="2030"/>
                  </a:lnTo>
                  <a:lnTo>
                    <a:pt x="8213" y="2030"/>
                  </a:lnTo>
                  <a:lnTo>
                    <a:pt x="8213"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0" name="Google Shape;190;p24"/>
            <p:cNvSpPr/>
            <p:nvPr/>
          </p:nvSpPr>
          <p:spPr>
            <a:xfrm>
              <a:off x="1211786" y="4894635"/>
              <a:ext cx="496208" cy="122693"/>
            </a:xfrm>
            <a:custGeom>
              <a:avLst/>
              <a:gdLst/>
              <a:ahLst/>
              <a:cxnLst/>
              <a:rect l="l" t="t" r="r" b="b"/>
              <a:pathLst>
                <a:path w="8214" h="2031" extrusionOk="0">
                  <a:moveTo>
                    <a:pt x="1" y="1"/>
                  </a:moveTo>
                  <a:lnTo>
                    <a:pt x="1" y="2030"/>
                  </a:lnTo>
                  <a:lnTo>
                    <a:pt x="8214" y="2030"/>
                  </a:lnTo>
                  <a:lnTo>
                    <a:pt x="8214" y="1015"/>
                  </a:lnTo>
                  <a:lnTo>
                    <a:pt x="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1" name="Google Shape;191;p24"/>
            <p:cNvSpPr/>
            <p:nvPr/>
          </p:nvSpPr>
          <p:spPr>
            <a:xfrm>
              <a:off x="583775" y="3478165"/>
              <a:ext cx="2848694" cy="603496"/>
            </a:xfrm>
            <a:custGeom>
              <a:avLst/>
              <a:gdLst/>
              <a:ahLst/>
              <a:cxnLst/>
              <a:rect l="l" t="t" r="r" b="b"/>
              <a:pathLst>
                <a:path w="47156" h="9990" extrusionOk="0">
                  <a:moveTo>
                    <a:pt x="4995" y="1"/>
                  </a:moveTo>
                  <a:cubicBezTo>
                    <a:pt x="2236" y="1"/>
                    <a:pt x="0" y="2237"/>
                    <a:pt x="0" y="4996"/>
                  </a:cubicBezTo>
                  <a:cubicBezTo>
                    <a:pt x="0" y="7754"/>
                    <a:pt x="2236" y="9989"/>
                    <a:pt x="4995" y="9989"/>
                  </a:cubicBezTo>
                  <a:lnTo>
                    <a:pt x="42162" y="9989"/>
                  </a:lnTo>
                  <a:cubicBezTo>
                    <a:pt x="44920" y="9989"/>
                    <a:pt x="47156" y="7754"/>
                    <a:pt x="47156" y="4996"/>
                  </a:cubicBezTo>
                  <a:cubicBezTo>
                    <a:pt x="47156" y="2237"/>
                    <a:pt x="44920" y="1"/>
                    <a:pt x="42162"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2" name="Google Shape;192;p24"/>
            <p:cNvSpPr/>
            <p:nvPr/>
          </p:nvSpPr>
          <p:spPr>
            <a:xfrm>
              <a:off x="2982131" y="4068723"/>
              <a:ext cx="106201" cy="25855"/>
            </a:xfrm>
            <a:custGeom>
              <a:avLst/>
              <a:gdLst/>
              <a:ahLst/>
              <a:cxnLst/>
              <a:rect l="l" t="t" r="r" b="b"/>
              <a:pathLst>
                <a:path w="1758"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3" name="Google Shape;193;p24"/>
            <p:cNvSpPr/>
            <p:nvPr/>
          </p:nvSpPr>
          <p:spPr>
            <a:xfrm>
              <a:off x="2833646" y="4068723"/>
              <a:ext cx="106140" cy="25855"/>
            </a:xfrm>
            <a:custGeom>
              <a:avLst/>
              <a:gdLst/>
              <a:ahLst/>
              <a:cxnLst/>
              <a:rect l="l" t="t" r="r" b="b"/>
              <a:pathLst>
                <a:path w="1757"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4" name="Google Shape;194;p24"/>
            <p:cNvSpPr/>
            <p:nvPr/>
          </p:nvSpPr>
          <p:spPr>
            <a:xfrm>
              <a:off x="2685161" y="4068723"/>
              <a:ext cx="106140" cy="25855"/>
            </a:xfrm>
            <a:custGeom>
              <a:avLst/>
              <a:gdLst/>
              <a:ahLst/>
              <a:cxnLst/>
              <a:rect l="l" t="t" r="r" b="b"/>
              <a:pathLst>
                <a:path w="1757"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5" name="Google Shape;195;p24"/>
            <p:cNvSpPr/>
            <p:nvPr/>
          </p:nvSpPr>
          <p:spPr>
            <a:xfrm>
              <a:off x="2536676" y="4068723"/>
              <a:ext cx="106080" cy="25855"/>
            </a:xfrm>
            <a:custGeom>
              <a:avLst/>
              <a:gdLst/>
              <a:ahLst/>
              <a:cxnLst/>
              <a:rect l="l" t="t" r="r" b="b"/>
              <a:pathLst>
                <a:path w="1756" h="428" extrusionOk="0">
                  <a:moveTo>
                    <a:pt x="1" y="0"/>
                  </a:moveTo>
                  <a:lnTo>
                    <a:pt x="1"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6" name="Google Shape;196;p24"/>
            <p:cNvSpPr/>
            <p:nvPr/>
          </p:nvSpPr>
          <p:spPr>
            <a:xfrm>
              <a:off x="2388190" y="4068723"/>
              <a:ext cx="106080" cy="25855"/>
            </a:xfrm>
            <a:custGeom>
              <a:avLst/>
              <a:gdLst/>
              <a:ahLst/>
              <a:cxnLst/>
              <a:rect l="l" t="t" r="r" b="b"/>
              <a:pathLst>
                <a:path w="1756" h="428"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7" name="Google Shape;197;p24"/>
            <p:cNvSpPr/>
            <p:nvPr/>
          </p:nvSpPr>
          <p:spPr>
            <a:xfrm>
              <a:off x="2239705" y="4068723"/>
              <a:ext cx="106080" cy="25855"/>
            </a:xfrm>
            <a:custGeom>
              <a:avLst/>
              <a:gdLst/>
              <a:ahLst/>
              <a:cxnLst/>
              <a:rect l="l" t="t" r="r" b="b"/>
              <a:pathLst>
                <a:path w="1756" h="428"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8" name="Google Shape;198;p24"/>
            <p:cNvSpPr/>
            <p:nvPr/>
          </p:nvSpPr>
          <p:spPr>
            <a:xfrm>
              <a:off x="2091160" y="4068723"/>
              <a:ext cx="106140" cy="25855"/>
            </a:xfrm>
            <a:custGeom>
              <a:avLst/>
              <a:gdLst/>
              <a:ahLst/>
              <a:cxnLst/>
              <a:rect l="l" t="t" r="r" b="b"/>
              <a:pathLst>
                <a:path w="1757" h="428"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9" name="Google Shape;199;p24"/>
            <p:cNvSpPr/>
            <p:nvPr/>
          </p:nvSpPr>
          <p:spPr>
            <a:xfrm>
              <a:off x="1942674" y="4068723"/>
              <a:ext cx="106140" cy="25855"/>
            </a:xfrm>
            <a:custGeom>
              <a:avLst/>
              <a:gdLst/>
              <a:ahLst/>
              <a:cxnLst/>
              <a:rect l="l" t="t" r="r" b="b"/>
              <a:pathLst>
                <a:path w="1757" h="428"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0" name="Google Shape;200;p24"/>
            <p:cNvSpPr/>
            <p:nvPr/>
          </p:nvSpPr>
          <p:spPr>
            <a:xfrm>
              <a:off x="1794189" y="4068723"/>
              <a:ext cx="106140" cy="25855"/>
            </a:xfrm>
            <a:custGeom>
              <a:avLst/>
              <a:gdLst/>
              <a:ahLst/>
              <a:cxnLst/>
              <a:rect l="l" t="t" r="r" b="b"/>
              <a:pathLst>
                <a:path w="1757" h="428"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1" name="Google Shape;201;p24"/>
            <p:cNvSpPr/>
            <p:nvPr/>
          </p:nvSpPr>
          <p:spPr>
            <a:xfrm>
              <a:off x="1645643" y="4068723"/>
              <a:ext cx="106201" cy="25855"/>
            </a:xfrm>
            <a:custGeom>
              <a:avLst/>
              <a:gdLst/>
              <a:ahLst/>
              <a:cxnLst/>
              <a:rect l="l" t="t" r="r" b="b"/>
              <a:pathLst>
                <a:path w="1758"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2" name="Google Shape;202;p24"/>
            <p:cNvSpPr/>
            <p:nvPr/>
          </p:nvSpPr>
          <p:spPr>
            <a:xfrm>
              <a:off x="1497158" y="4068723"/>
              <a:ext cx="106140" cy="25855"/>
            </a:xfrm>
            <a:custGeom>
              <a:avLst/>
              <a:gdLst/>
              <a:ahLst/>
              <a:cxnLst/>
              <a:rect l="l" t="t" r="r" b="b"/>
              <a:pathLst>
                <a:path w="1757" h="428" extrusionOk="0">
                  <a:moveTo>
                    <a:pt x="1" y="0"/>
                  </a:moveTo>
                  <a:lnTo>
                    <a:pt x="1"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3" name="Google Shape;203;p24"/>
            <p:cNvSpPr/>
            <p:nvPr/>
          </p:nvSpPr>
          <p:spPr>
            <a:xfrm>
              <a:off x="1348673" y="4068723"/>
              <a:ext cx="106080" cy="25855"/>
            </a:xfrm>
            <a:custGeom>
              <a:avLst/>
              <a:gdLst/>
              <a:ahLst/>
              <a:cxnLst/>
              <a:rect l="l" t="t" r="r" b="b"/>
              <a:pathLst>
                <a:path w="1756" h="428" extrusionOk="0">
                  <a:moveTo>
                    <a:pt x="1" y="0"/>
                  </a:moveTo>
                  <a:lnTo>
                    <a:pt x="1"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4" name="Google Shape;204;p24"/>
            <p:cNvSpPr/>
            <p:nvPr/>
          </p:nvSpPr>
          <p:spPr>
            <a:xfrm>
              <a:off x="1200127" y="4068723"/>
              <a:ext cx="106140" cy="25855"/>
            </a:xfrm>
            <a:custGeom>
              <a:avLst/>
              <a:gdLst/>
              <a:ahLst/>
              <a:cxnLst/>
              <a:rect l="l" t="t" r="r" b="b"/>
              <a:pathLst>
                <a:path w="1757"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5" name="Google Shape;205;p24"/>
            <p:cNvSpPr/>
            <p:nvPr/>
          </p:nvSpPr>
          <p:spPr>
            <a:xfrm>
              <a:off x="1051642" y="4068723"/>
              <a:ext cx="106140" cy="25855"/>
            </a:xfrm>
            <a:custGeom>
              <a:avLst/>
              <a:gdLst/>
              <a:ahLst/>
              <a:cxnLst/>
              <a:rect l="l" t="t" r="r" b="b"/>
              <a:pathLst>
                <a:path w="1757"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6" name="Google Shape;206;p24"/>
            <p:cNvSpPr/>
            <p:nvPr/>
          </p:nvSpPr>
          <p:spPr>
            <a:xfrm>
              <a:off x="903157" y="4068723"/>
              <a:ext cx="106140" cy="25855"/>
            </a:xfrm>
            <a:custGeom>
              <a:avLst/>
              <a:gdLst/>
              <a:ahLst/>
              <a:cxnLst/>
              <a:rect l="l" t="t" r="r" b="b"/>
              <a:pathLst>
                <a:path w="1757" h="428" extrusionOk="0">
                  <a:moveTo>
                    <a:pt x="0" y="0"/>
                  </a:moveTo>
                  <a:lnTo>
                    <a:pt x="0"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7" name="Google Shape;207;p24"/>
            <p:cNvSpPr/>
            <p:nvPr/>
          </p:nvSpPr>
          <p:spPr>
            <a:xfrm>
              <a:off x="753343" y="4041721"/>
              <a:ext cx="108557" cy="51530"/>
            </a:xfrm>
            <a:custGeom>
              <a:avLst/>
              <a:gdLst/>
              <a:ahLst/>
              <a:cxnLst/>
              <a:rect l="l" t="t" r="r" b="b"/>
              <a:pathLst>
                <a:path w="1797" h="853" extrusionOk="0">
                  <a:moveTo>
                    <a:pt x="181" y="1"/>
                  </a:moveTo>
                  <a:lnTo>
                    <a:pt x="1" y="389"/>
                  </a:lnTo>
                  <a:cubicBezTo>
                    <a:pt x="1" y="389"/>
                    <a:pt x="27" y="401"/>
                    <a:pt x="72" y="423"/>
                  </a:cubicBezTo>
                  <a:cubicBezTo>
                    <a:pt x="116" y="445"/>
                    <a:pt x="182" y="475"/>
                    <a:pt x="263" y="502"/>
                  </a:cubicBezTo>
                  <a:cubicBezTo>
                    <a:pt x="424" y="559"/>
                    <a:pt x="636" y="649"/>
                    <a:pt x="861" y="697"/>
                  </a:cubicBezTo>
                  <a:cubicBezTo>
                    <a:pt x="972" y="723"/>
                    <a:pt x="1082" y="759"/>
                    <a:pt x="1187" y="776"/>
                  </a:cubicBezTo>
                  <a:cubicBezTo>
                    <a:pt x="1294" y="792"/>
                    <a:pt x="1393" y="807"/>
                    <a:pt x="1478" y="821"/>
                  </a:cubicBezTo>
                  <a:cubicBezTo>
                    <a:pt x="1647" y="851"/>
                    <a:pt x="1762" y="853"/>
                    <a:pt x="1762" y="853"/>
                  </a:cubicBezTo>
                  <a:lnTo>
                    <a:pt x="1796" y="428"/>
                  </a:lnTo>
                  <a:cubicBezTo>
                    <a:pt x="1796" y="428"/>
                    <a:pt x="1691" y="426"/>
                    <a:pt x="1536" y="398"/>
                  </a:cubicBezTo>
                  <a:cubicBezTo>
                    <a:pt x="1457" y="385"/>
                    <a:pt x="1367" y="372"/>
                    <a:pt x="1269" y="358"/>
                  </a:cubicBezTo>
                  <a:cubicBezTo>
                    <a:pt x="1172" y="342"/>
                    <a:pt x="1072" y="309"/>
                    <a:pt x="969" y="284"/>
                  </a:cubicBezTo>
                  <a:cubicBezTo>
                    <a:pt x="764" y="242"/>
                    <a:pt x="570" y="158"/>
                    <a:pt x="421" y="106"/>
                  </a:cubicBezTo>
                  <a:cubicBezTo>
                    <a:pt x="346" y="82"/>
                    <a:pt x="287" y="54"/>
                    <a:pt x="246" y="33"/>
                  </a:cubicBezTo>
                  <a:cubicBezTo>
                    <a:pt x="204" y="12"/>
                    <a:pt x="181" y="1"/>
                    <a:pt x="181"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8" name="Google Shape;208;p24"/>
            <p:cNvSpPr/>
            <p:nvPr/>
          </p:nvSpPr>
          <p:spPr>
            <a:xfrm>
              <a:off x="634337" y="3953282"/>
              <a:ext cx="94421" cy="90675"/>
            </a:xfrm>
            <a:custGeom>
              <a:avLst/>
              <a:gdLst/>
              <a:ahLst/>
              <a:cxnLst/>
              <a:rect l="l" t="t" r="r" b="b"/>
              <a:pathLst>
                <a:path w="1563" h="1501" extrusionOk="0">
                  <a:moveTo>
                    <a:pt x="341" y="0"/>
                  </a:moveTo>
                  <a:lnTo>
                    <a:pt x="0" y="257"/>
                  </a:lnTo>
                  <a:cubicBezTo>
                    <a:pt x="0" y="257"/>
                    <a:pt x="17" y="280"/>
                    <a:pt x="47" y="320"/>
                  </a:cubicBezTo>
                  <a:cubicBezTo>
                    <a:pt x="79" y="359"/>
                    <a:pt x="116" y="420"/>
                    <a:pt x="175" y="483"/>
                  </a:cubicBezTo>
                  <a:cubicBezTo>
                    <a:pt x="295" y="606"/>
                    <a:pt x="435" y="789"/>
                    <a:pt x="611" y="936"/>
                  </a:cubicBezTo>
                  <a:cubicBezTo>
                    <a:pt x="696" y="1012"/>
                    <a:pt x="780" y="1092"/>
                    <a:pt x="862" y="1160"/>
                  </a:cubicBezTo>
                  <a:cubicBezTo>
                    <a:pt x="947" y="1225"/>
                    <a:pt x="1027" y="1285"/>
                    <a:pt x="1096" y="1336"/>
                  </a:cubicBezTo>
                  <a:cubicBezTo>
                    <a:pt x="1231" y="1442"/>
                    <a:pt x="1330" y="1500"/>
                    <a:pt x="1330" y="1500"/>
                  </a:cubicBezTo>
                  <a:lnTo>
                    <a:pt x="1562" y="1141"/>
                  </a:lnTo>
                  <a:cubicBezTo>
                    <a:pt x="1562" y="1141"/>
                    <a:pt x="1471" y="1090"/>
                    <a:pt x="1347" y="991"/>
                  </a:cubicBezTo>
                  <a:cubicBezTo>
                    <a:pt x="1284" y="944"/>
                    <a:pt x="1210" y="889"/>
                    <a:pt x="1131" y="830"/>
                  </a:cubicBezTo>
                  <a:cubicBezTo>
                    <a:pt x="1056" y="767"/>
                    <a:pt x="980" y="694"/>
                    <a:pt x="902" y="625"/>
                  </a:cubicBezTo>
                  <a:cubicBezTo>
                    <a:pt x="740" y="490"/>
                    <a:pt x="612" y="321"/>
                    <a:pt x="502" y="208"/>
                  </a:cubicBezTo>
                  <a:cubicBezTo>
                    <a:pt x="447" y="151"/>
                    <a:pt x="413" y="93"/>
                    <a:pt x="384" y="58"/>
                  </a:cubicBezTo>
                  <a:cubicBezTo>
                    <a:pt x="357" y="21"/>
                    <a:pt x="341" y="0"/>
                    <a:pt x="341"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9" name="Google Shape;209;p24"/>
            <p:cNvSpPr/>
            <p:nvPr/>
          </p:nvSpPr>
          <p:spPr>
            <a:xfrm>
              <a:off x="574894" y="3823765"/>
              <a:ext cx="57812" cy="108134"/>
            </a:xfrm>
            <a:custGeom>
              <a:avLst/>
              <a:gdLst/>
              <a:ahLst/>
              <a:cxnLst/>
              <a:rect l="l" t="t" r="r" b="b"/>
              <a:pathLst>
                <a:path w="957" h="1790" extrusionOk="0">
                  <a:moveTo>
                    <a:pt x="422" y="0"/>
                  </a:moveTo>
                  <a:lnTo>
                    <a:pt x="0" y="64"/>
                  </a:lnTo>
                  <a:cubicBezTo>
                    <a:pt x="0" y="64"/>
                    <a:pt x="15" y="178"/>
                    <a:pt x="46" y="347"/>
                  </a:cubicBezTo>
                  <a:cubicBezTo>
                    <a:pt x="94" y="511"/>
                    <a:pt x="133" y="738"/>
                    <a:pt x="215" y="952"/>
                  </a:cubicBezTo>
                  <a:cubicBezTo>
                    <a:pt x="255" y="1060"/>
                    <a:pt x="294" y="1167"/>
                    <a:pt x="331" y="1268"/>
                  </a:cubicBezTo>
                  <a:cubicBezTo>
                    <a:pt x="371" y="1367"/>
                    <a:pt x="419" y="1456"/>
                    <a:pt x="455" y="1533"/>
                  </a:cubicBezTo>
                  <a:cubicBezTo>
                    <a:pt x="492" y="1611"/>
                    <a:pt x="523" y="1675"/>
                    <a:pt x="545" y="1720"/>
                  </a:cubicBezTo>
                  <a:cubicBezTo>
                    <a:pt x="566" y="1766"/>
                    <a:pt x="582" y="1790"/>
                    <a:pt x="582" y="1790"/>
                  </a:cubicBezTo>
                  <a:lnTo>
                    <a:pt x="957" y="1583"/>
                  </a:lnTo>
                  <a:cubicBezTo>
                    <a:pt x="957" y="1583"/>
                    <a:pt x="940" y="1562"/>
                    <a:pt x="921" y="1520"/>
                  </a:cubicBezTo>
                  <a:cubicBezTo>
                    <a:pt x="902" y="1479"/>
                    <a:pt x="874" y="1420"/>
                    <a:pt x="840" y="1348"/>
                  </a:cubicBezTo>
                  <a:cubicBezTo>
                    <a:pt x="807" y="1277"/>
                    <a:pt x="762" y="1195"/>
                    <a:pt x="725" y="1104"/>
                  </a:cubicBezTo>
                  <a:cubicBezTo>
                    <a:pt x="692" y="1012"/>
                    <a:pt x="656" y="913"/>
                    <a:pt x="620" y="815"/>
                  </a:cubicBezTo>
                  <a:cubicBezTo>
                    <a:pt x="543" y="618"/>
                    <a:pt x="509" y="410"/>
                    <a:pt x="463" y="259"/>
                  </a:cubicBezTo>
                  <a:cubicBezTo>
                    <a:pt x="436" y="104"/>
                    <a:pt x="422" y="0"/>
                    <a:pt x="422"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0" name="Google Shape;210;p24"/>
            <p:cNvSpPr/>
            <p:nvPr/>
          </p:nvSpPr>
          <p:spPr>
            <a:xfrm>
              <a:off x="570907" y="3675159"/>
              <a:ext cx="42589" cy="108496"/>
            </a:xfrm>
            <a:custGeom>
              <a:avLst/>
              <a:gdLst/>
              <a:ahLst/>
              <a:cxnLst/>
              <a:rect l="l" t="t" r="r" b="b"/>
              <a:pathLst>
                <a:path w="705" h="1796" extrusionOk="0">
                  <a:moveTo>
                    <a:pt x="302" y="0"/>
                  </a:moveTo>
                  <a:lnTo>
                    <a:pt x="275" y="74"/>
                  </a:lnTo>
                  <a:cubicBezTo>
                    <a:pt x="259" y="121"/>
                    <a:pt x="231" y="187"/>
                    <a:pt x="212" y="271"/>
                  </a:cubicBezTo>
                  <a:cubicBezTo>
                    <a:pt x="174" y="438"/>
                    <a:pt x="101" y="657"/>
                    <a:pt x="76" y="885"/>
                  </a:cubicBezTo>
                  <a:cubicBezTo>
                    <a:pt x="59" y="998"/>
                    <a:pt x="43" y="1111"/>
                    <a:pt x="26" y="1217"/>
                  </a:cubicBezTo>
                  <a:cubicBezTo>
                    <a:pt x="21" y="1324"/>
                    <a:pt x="16" y="1425"/>
                    <a:pt x="12" y="1510"/>
                  </a:cubicBezTo>
                  <a:cubicBezTo>
                    <a:pt x="7" y="1596"/>
                    <a:pt x="3" y="1668"/>
                    <a:pt x="1" y="1717"/>
                  </a:cubicBezTo>
                  <a:cubicBezTo>
                    <a:pt x="0" y="1767"/>
                    <a:pt x="3" y="1796"/>
                    <a:pt x="3" y="1796"/>
                  </a:cubicBezTo>
                  <a:lnTo>
                    <a:pt x="430" y="1791"/>
                  </a:lnTo>
                  <a:cubicBezTo>
                    <a:pt x="430" y="1791"/>
                    <a:pt x="427" y="1765"/>
                    <a:pt x="428" y="1718"/>
                  </a:cubicBezTo>
                  <a:cubicBezTo>
                    <a:pt x="430" y="1673"/>
                    <a:pt x="433" y="1607"/>
                    <a:pt x="437" y="1528"/>
                  </a:cubicBezTo>
                  <a:cubicBezTo>
                    <a:pt x="442" y="1449"/>
                    <a:pt x="446" y="1357"/>
                    <a:pt x="451" y="1259"/>
                  </a:cubicBezTo>
                  <a:cubicBezTo>
                    <a:pt x="465" y="1162"/>
                    <a:pt x="481" y="1058"/>
                    <a:pt x="496" y="954"/>
                  </a:cubicBezTo>
                  <a:cubicBezTo>
                    <a:pt x="518" y="744"/>
                    <a:pt x="587" y="545"/>
                    <a:pt x="621" y="391"/>
                  </a:cubicBezTo>
                  <a:cubicBezTo>
                    <a:pt x="638" y="313"/>
                    <a:pt x="664" y="253"/>
                    <a:pt x="679" y="210"/>
                  </a:cubicBezTo>
                  <a:cubicBezTo>
                    <a:pt x="695" y="167"/>
                    <a:pt x="704" y="142"/>
                    <a:pt x="704" y="142"/>
                  </a:cubicBezTo>
                  <a:lnTo>
                    <a:pt x="302"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1" name="Google Shape;211;p24"/>
            <p:cNvSpPr/>
            <p:nvPr/>
          </p:nvSpPr>
          <p:spPr>
            <a:xfrm>
              <a:off x="606670" y="3547515"/>
              <a:ext cx="84695" cy="99012"/>
            </a:xfrm>
            <a:custGeom>
              <a:avLst/>
              <a:gdLst/>
              <a:ahLst/>
              <a:cxnLst/>
              <a:rect l="l" t="t" r="r" b="b"/>
              <a:pathLst>
                <a:path w="1402" h="1639" extrusionOk="0">
                  <a:moveTo>
                    <a:pt x="1114" y="0"/>
                  </a:moveTo>
                  <a:cubicBezTo>
                    <a:pt x="1114" y="0"/>
                    <a:pt x="1026" y="75"/>
                    <a:pt x="905" y="196"/>
                  </a:cubicBezTo>
                  <a:cubicBezTo>
                    <a:pt x="847" y="260"/>
                    <a:pt x="780" y="333"/>
                    <a:pt x="708" y="413"/>
                  </a:cubicBezTo>
                  <a:cubicBezTo>
                    <a:pt x="671" y="453"/>
                    <a:pt x="634" y="493"/>
                    <a:pt x="597" y="536"/>
                  </a:cubicBezTo>
                  <a:cubicBezTo>
                    <a:pt x="563" y="580"/>
                    <a:pt x="529" y="627"/>
                    <a:pt x="495" y="672"/>
                  </a:cubicBezTo>
                  <a:cubicBezTo>
                    <a:pt x="426" y="764"/>
                    <a:pt x="358" y="856"/>
                    <a:pt x="294" y="942"/>
                  </a:cubicBezTo>
                  <a:cubicBezTo>
                    <a:pt x="238" y="1034"/>
                    <a:pt x="186" y="1119"/>
                    <a:pt x="141" y="1192"/>
                  </a:cubicBezTo>
                  <a:cubicBezTo>
                    <a:pt x="97" y="1266"/>
                    <a:pt x="61" y="1328"/>
                    <a:pt x="35" y="1370"/>
                  </a:cubicBezTo>
                  <a:cubicBezTo>
                    <a:pt x="13" y="1415"/>
                    <a:pt x="1" y="1441"/>
                    <a:pt x="1" y="1441"/>
                  </a:cubicBezTo>
                  <a:lnTo>
                    <a:pt x="378" y="1639"/>
                  </a:lnTo>
                  <a:cubicBezTo>
                    <a:pt x="378" y="1639"/>
                    <a:pt x="389" y="1615"/>
                    <a:pt x="410" y="1574"/>
                  </a:cubicBezTo>
                  <a:cubicBezTo>
                    <a:pt x="434" y="1534"/>
                    <a:pt x="468" y="1477"/>
                    <a:pt x="508" y="1410"/>
                  </a:cubicBezTo>
                  <a:cubicBezTo>
                    <a:pt x="549" y="1343"/>
                    <a:pt x="597" y="1265"/>
                    <a:pt x="648" y="1180"/>
                  </a:cubicBezTo>
                  <a:cubicBezTo>
                    <a:pt x="707" y="1101"/>
                    <a:pt x="770" y="1017"/>
                    <a:pt x="833" y="933"/>
                  </a:cubicBezTo>
                  <a:cubicBezTo>
                    <a:pt x="864" y="890"/>
                    <a:pt x="895" y="849"/>
                    <a:pt x="926" y="807"/>
                  </a:cubicBezTo>
                  <a:cubicBezTo>
                    <a:pt x="961" y="768"/>
                    <a:pt x="995" y="731"/>
                    <a:pt x="1028" y="695"/>
                  </a:cubicBezTo>
                  <a:cubicBezTo>
                    <a:pt x="1094" y="622"/>
                    <a:pt x="1156" y="553"/>
                    <a:pt x="1209" y="495"/>
                  </a:cubicBezTo>
                  <a:cubicBezTo>
                    <a:pt x="1321" y="384"/>
                    <a:pt x="1401" y="317"/>
                    <a:pt x="1401" y="317"/>
                  </a:cubicBezTo>
                  <a:lnTo>
                    <a:pt x="1114"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2" name="Google Shape;212;p24"/>
            <p:cNvSpPr/>
            <p:nvPr/>
          </p:nvSpPr>
          <p:spPr>
            <a:xfrm>
              <a:off x="708398" y="3475145"/>
              <a:ext cx="106865" cy="66089"/>
            </a:xfrm>
            <a:custGeom>
              <a:avLst/>
              <a:gdLst/>
              <a:ahLst/>
              <a:cxnLst/>
              <a:rect l="l" t="t" r="r" b="b"/>
              <a:pathLst>
                <a:path w="1769" h="1094" extrusionOk="0">
                  <a:moveTo>
                    <a:pt x="1664" y="0"/>
                  </a:moveTo>
                  <a:cubicBezTo>
                    <a:pt x="1664" y="0"/>
                    <a:pt x="1553" y="28"/>
                    <a:pt x="1387" y="72"/>
                  </a:cubicBezTo>
                  <a:cubicBezTo>
                    <a:pt x="1227" y="134"/>
                    <a:pt x="1006" y="199"/>
                    <a:pt x="799" y="298"/>
                  </a:cubicBezTo>
                  <a:cubicBezTo>
                    <a:pt x="697" y="348"/>
                    <a:pt x="594" y="397"/>
                    <a:pt x="497" y="444"/>
                  </a:cubicBezTo>
                  <a:cubicBezTo>
                    <a:pt x="400" y="490"/>
                    <a:pt x="319" y="548"/>
                    <a:pt x="244" y="592"/>
                  </a:cubicBezTo>
                  <a:cubicBezTo>
                    <a:pt x="171" y="636"/>
                    <a:pt x="110" y="673"/>
                    <a:pt x="67" y="699"/>
                  </a:cubicBezTo>
                  <a:cubicBezTo>
                    <a:pt x="23" y="724"/>
                    <a:pt x="0" y="741"/>
                    <a:pt x="0" y="741"/>
                  </a:cubicBezTo>
                  <a:lnTo>
                    <a:pt x="241" y="1094"/>
                  </a:lnTo>
                  <a:cubicBezTo>
                    <a:pt x="241" y="1094"/>
                    <a:pt x="262" y="1078"/>
                    <a:pt x="302" y="1055"/>
                  </a:cubicBezTo>
                  <a:cubicBezTo>
                    <a:pt x="342" y="1031"/>
                    <a:pt x="397" y="997"/>
                    <a:pt x="465" y="956"/>
                  </a:cubicBezTo>
                  <a:cubicBezTo>
                    <a:pt x="533" y="917"/>
                    <a:pt x="608" y="863"/>
                    <a:pt x="697" y="820"/>
                  </a:cubicBezTo>
                  <a:cubicBezTo>
                    <a:pt x="786" y="778"/>
                    <a:pt x="880" y="732"/>
                    <a:pt x="975" y="687"/>
                  </a:cubicBezTo>
                  <a:cubicBezTo>
                    <a:pt x="1164" y="595"/>
                    <a:pt x="1367" y="537"/>
                    <a:pt x="1514" y="479"/>
                  </a:cubicBezTo>
                  <a:cubicBezTo>
                    <a:pt x="1666" y="440"/>
                    <a:pt x="1768" y="414"/>
                    <a:pt x="1768" y="414"/>
                  </a:cubicBezTo>
                  <a:lnTo>
                    <a:pt x="1664"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3" name="Google Shape;213;p24"/>
            <p:cNvSpPr/>
            <p:nvPr/>
          </p:nvSpPr>
          <p:spPr>
            <a:xfrm>
              <a:off x="852353" y="3465359"/>
              <a:ext cx="107409" cy="27426"/>
            </a:xfrm>
            <a:custGeom>
              <a:avLst/>
              <a:gdLst/>
              <a:ahLst/>
              <a:cxnLst/>
              <a:rect l="l" t="t" r="r" b="b"/>
              <a:pathLst>
                <a:path w="1778" h="454" extrusionOk="0">
                  <a:moveTo>
                    <a:pt x="577" y="0"/>
                  </a:moveTo>
                  <a:cubicBezTo>
                    <a:pt x="470" y="5"/>
                    <a:pt x="371" y="9"/>
                    <a:pt x="285" y="13"/>
                  </a:cubicBezTo>
                  <a:cubicBezTo>
                    <a:pt x="200" y="18"/>
                    <a:pt x="128" y="21"/>
                    <a:pt x="79" y="24"/>
                  </a:cubicBezTo>
                  <a:cubicBezTo>
                    <a:pt x="29" y="26"/>
                    <a:pt x="0" y="29"/>
                    <a:pt x="0" y="29"/>
                  </a:cubicBezTo>
                  <a:lnTo>
                    <a:pt x="45" y="454"/>
                  </a:lnTo>
                  <a:cubicBezTo>
                    <a:pt x="45" y="454"/>
                    <a:pt x="70" y="450"/>
                    <a:pt x="117" y="449"/>
                  </a:cubicBezTo>
                  <a:cubicBezTo>
                    <a:pt x="162" y="447"/>
                    <a:pt x="228" y="442"/>
                    <a:pt x="307" y="439"/>
                  </a:cubicBezTo>
                  <a:cubicBezTo>
                    <a:pt x="387" y="435"/>
                    <a:pt x="479" y="431"/>
                    <a:pt x="578" y="427"/>
                  </a:cubicBezTo>
                  <a:lnTo>
                    <a:pt x="1778" y="427"/>
                  </a:lnTo>
                  <a:lnTo>
                    <a:pt x="1778"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4" name="Google Shape;214;p24"/>
            <p:cNvSpPr/>
            <p:nvPr/>
          </p:nvSpPr>
          <p:spPr>
            <a:xfrm>
              <a:off x="1002107" y="3465359"/>
              <a:ext cx="106201" cy="25795"/>
            </a:xfrm>
            <a:custGeom>
              <a:avLst/>
              <a:gdLst/>
              <a:ahLst/>
              <a:cxnLst/>
              <a:rect l="l" t="t" r="r" b="b"/>
              <a:pathLst>
                <a:path w="1758" h="427"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5" name="Google Shape;215;p24"/>
            <p:cNvSpPr/>
            <p:nvPr/>
          </p:nvSpPr>
          <p:spPr>
            <a:xfrm>
              <a:off x="1150592" y="3465359"/>
              <a:ext cx="106201" cy="25795"/>
            </a:xfrm>
            <a:custGeom>
              <a:avLst/>
              <a:gdLst/>
              <a:ahLst/>
              <a:cxnLst/>
              <a:rect l="l" t="t" r="r" b="b"/>
              <a:pathLst>
                <a:path w="1758" h="427"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6" name="Google Shape;216;p24"/>
            <p:cNvSpPr/>
            <p:nvPr/>
          </p:nvSpPr>
          <p:spPr>
            <a:xfrm>
              <a:off x="1299198" y="3465359"/>
              <a:ext cx="106080" cy="25795"/>
            </a:xfrm>
            <a:custGeom>
              <a:avLst/>
              <a:gdLst/>
              <a:ahLst/>
              <a:cxnLst/>
              <a:rect l="l" t="t" r="r" b="b"/>
              <a:pathLst>
                <a:path w="1756" h="427" extrusionOk="0">
                  <a:moveTo>
                    <a:pt x="0" y="0"/>
                  </a:moveTo>
                  <a:lnTo>
                    <a:pt x="0" y="427"/>
                  </a:lnTo>
                  <a:lnTo>
                    <a:pt x="1755" y="427"/>
                  </a:lnTo>
                  <a:lnTo>
                    <a:pt x="1755"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7" name="Google Shape;217;p24"/>
            <p:cNvSpPr/>
            <p:nvPr/>
          </p:nvSpPr>
          <p:spPr>
            <a:xfrm>
              <a:off x="1447683" y="3465359"/>
              <a:ext cx="106140" cy="25795"/>
            </a:xfrm>
            <a:custGeom>
              <a:avLst/>
              <a:gdLst/>
              <a:ahLst/>
              <a:cxnLst/>
              <a:rect l="l" t="t" r="r" b="b"/>
              <a:pathLst>
                <a:path w="1757" h="427"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8" name="Google Shape;218;p24"/>
            <p:cNvSpPr/>
            <p:nvPr/>
          </p:nvSpPr>
          <p:spPr>
            <a:xfrm>
              <a:off x="1596168" y="3465359"/>
              <a:ext cx="106140" cy="25795"/>
            </a:xfrm>
            <a:custGeom>
              <a:avLst/>
              <a:gdLst/>
              <a:ahLst/>
              <a:cxnLst/>
              <a:rect l="l" t="t" r="r" b="b"/>
              <a:pathLst>
                <a:path w="1757" h="427"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9" name="Google Shape;219;p24"/>
            <p:cNvSpPr/>
            <p:nvPr/>
          </p:nvSpPr>
          <p:spPr>
            <a:xfrm>
              <a:off x="1744654" y="3465359"/>
              <a:ext cx="106140" cy="25795"/>
            </a:xfrm>
            <a:custGeom>
              <a:avLst/>
              <a:gdLst/>
              <a:ahLst/>
              <a:cxnLst/>
              <a:rect l="l" t="t" r="r" b="b"/>
              <a:pathLst>
                <a:path w="1757" h="427" extrusionOk="0">
                  <a:moveTo>
                    <a:pt x="0" y="0"/>
                  </a:moveTo>
                  <a:lnTo>
                    <a:pt x="0"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0" name="Google Shape;220;p24"/>
            <p:cNvSpPr/>
            <p:nvPr/>
          </p:nvSpPr>
          <p:spPr>
            <a:xfrm>
              <a:off x="1893139" y="3465359"/>
              <a:ext cx="106140" cy="25795"/>
            </a:xfrm>
            <a:custGeom>
              <a:avLst/>
              <a:gdLst/>
              <a:ahLst/>
              <a:cxnLst/>
              <a:rect l="l" t="t" r="r" b="b"/>
              <a:pathLst>
                <a:path w="1757" h="427" extrusionOk="0">
                  <a:moveTo>
                    <a:pt x="0" y="0"/>
                  </a:moveTo>
                  <a:lnTo>
                    <a:pt x="0"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1" name="Google Shape;221;p24"/>
            <p:cNvSpPr/>
            <p:nvPr/>
          </p:nvSpPr>
          <p:spPr>
            <a:xfrm>
              <a:off x="2041624" y="3465359"/>
              <a:ext cx="106140" cy="25795"/>
            </a:xfrm>
            <a:custGeom>
              <a:avLst/>
              <a:gdLst/>
              <a:ahLst/>
              <a:cxnLst/>
              <a:rect l="l" t="t" r="r" b="b"/>
              <a:pathLst>
                <a:path w="1757" h="427"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2" name="Google Shape;222;p24"/>
            <p:cNvSpPr/>
            <p:nvPr/>
          </p:nvSpPr>
          <p:spPr>
            <a:xfrm>
              <a:off x="2190170" y="3465359"/>
              <a:ext cx="106080" cy="25795"/>
            </a:xfrm>
            <a:custGeom>
              <a:avLst/>
              <a:gdLst/>
              <a:ahLst/>
              <a:cxnLst/>
              <a:rect l="l" t="t" r="r" b="b"/>
              <a:pathLst>
                <a:path w="1756" h="427" extrusionOk="0">
                  <a:moveTo>
                    <a:pt x="1" y="0"/>
                  </a:moveTo>
                  <a:lnTo>
                    <a:pt x="1"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3" name="Google Shape;223;p24"/>
            <p:cNvSpPr/>
            <p:nvPr/>
          </p:nvSpPr>
          <p:spPr>
            <a:xfrm>
              <a:off x="2338655" y="3465359"/>
              <a:ext cx="106080" cy="25795"/>
            </a:xfrm>
            <a:custGeom>
              <a:avLst/>
              <a:gdLst/>
              <a:ahLst/>
              <a:cxnLst/>
              <a:rect l="l" t="t" r="r" b="b"/>
              <a:pathLst>
                <a:path w="1756" h="427" extrusionOk="0">
                  <a:moveTo>
                    <a:pt x="1" y="0"/>
                  </a:moveTo>
                  <a:lnTo>
                    <a:pt x="1"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4" name="Google Shape;224;p24"/>
            <p:cNvSpPr/>
            <p:nvPr/>
          </p:nvSpPr>
          <p:spPr>
            <a:xfrm>
              <a:off x="2487140" y="3465359"/>
              <a:ext cx="106201" cy="25795"/>
            </a:xfrm>
            <a:custGeom>
              <a:avLst/>
              <a:gdLst/>
              <a:ahLst/>
              <a:cxnLst/>
              <a:rect l="l" t="t" r="r" b="b"/>
              <a:pathLst>
                <a:path w="1758" h="427"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5" name="Google Shape;225;p24"/>
            <p:cNvSpPr/>
            <p:nvPr/>
          </p:nvSpPr>
          <p:spPr>
            <a:xfrm>
              <a:off x="2635626" y="3465359"/>
              <a:ext cx="106201" cy="25795"/>
            </a:xfrm>
            <a:custGeom>
              <a:avLst/>
              <a:gdLst/>
              <a:ahLst/>
              <a:cxnLst/>
              <a:rect l="l" t="t" r="r" b="b"/>
              <a:pathLst>
                <a:path w="1758" h="427"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6" name="Google Shape;226;p24"/>
            <p:cNvSpPr/>
            <p:nvPr/>
          </p:nvSpPr>
          <p:spPr>
            <a:xfrm>
              <a:off x="2784171" y="3465359"/>
              <a:ext cx="106140" cy="25795"/>
            </a:xfrm>
            <a:custGeom>
              <a:avLst/>
              <a:gdLst/>
              <a:ahLst/>
              <a:cxnLst/>
              <a:rect l="l" t="t" r="r" b="b"/>
              <a:pathLst>
                <a:path w="1757" h="427"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7" name="Google Shape;227;p24"/>
            <p:cNvSpPr/>
            <p:nvPr/>
          </p:nvSpPr>
          <p:spPr>
            <a:xfrm>
              <a:off x="2932656" y="3465359"/>
              <a:ext cx="106140" cy="25795"/>
            </a:xfrm>
            <a:custGeom>
              <a:avLst/>
              <a:gdLst/>
              <a:ahLst/>
              <a:cxnLst/>
              <a:rect l="l" t="t" r="r" b="b"/>
              <a:pathLst>
                <a:path w="1757" h="427"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8" name="Google Shape;228;p24"/>
            <p:cNvSpPr/>
            <p:nvPr/>
          </p:nvSpPr>
          <p:spPr>
            <a:xfrm>
              <a:off x="3081202" y="3465359"/>
              <a:ext cx="108134" cy="30990"/>
            </a:xfrm>
            <a:custGeom>
              <a:avLst/>
              <a:gdLst/>
              <a:ahLst/>
              <a:cxnLst/>
              <a:rect l="l" t="t" r="r" b="b"/>
              <a:pathLst>
                <a:path w="1790" h="513" extrusionOk="0">
                  <a:moveTo>
                    <a:pt x="0" y="0"/>
                  </a:moveTo>
                  <a:lnTo>
                    <a:pt x="0" y="427"/>
                  </a:lnTo>
                  <a:cubicBezTo>
                    <a:pt x="0" y="427"/>
                    <a:pt x="438" y="428"/>
                    <a:pt x="875" y="430"/>
                  </a:cubicBezTo>
                  <a:cubicBezTo>
                    <a:pt x="1085" y="444"/>
                    <a:pt x="1297" y="439"/>
                    <a:pt x="1451" y="473"/>
                  </a:cubicBezTo>
                  <a:cubicBezTo>
                    <a:pt x="1607" y="497"/>
                    <a:pt x="1711" y="513"/>
                    <a:pt x="1711" y="513"/>
                  </a:cubicBezTo>
                  <a:lnTo>
                    <a:pt x="1790" y="94"/>
                  </a:lnTo>
                  <a:cubicBezTo>
                    <a:pt x="1790" y="94"/>
                    <a:pt x="1677" y="76"/>
                    <a:pt x="1507" y="51"/>
                  </a:cubicBezTo>
                  <a:cubicBezTo>
                    <a:pt x="1338" y="14"/>
                    <a:pt x="1108" y="19"/>
                    <a:pt x="880" y="3"/>
                  </a:cubicBezTo>
                  <a:cubicBezTo>
                    <a:pt x="440" y="2"/>
                    <a:pt x="0" y="0"/>
                    <a:pt x="0"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9" name="Google Shape;229;p24"/>
            <p:cNvSpPr/>
            <p:nvPr/>
          </p:nvSpPr>
          <p:spPr>
            <a:xfrm>
              <a:off x="3223707" y="3482334"/>
              <a:ext cx="104751" cy="73096"/>
            </a:xfrm>
            <a:custGeom>
              <a:avLst/>
              <a:gdLst/>
              <a:ahLst/>
              <a:cxnLst/>
              <a:rect l="l" t="t" r="r" b="b"/>
              <a:pathLst>
                <a:path w="1734" h="1210" extrusionOk="0">
                  <a:moveTo>
                    <a:pt x="138" y="0"/>
                  </a:moveTo>
                  <a:lnTo>
                    <a:pt x="0" y="404"/>
                  </a:lnTo>
                  <a:cubicBezTo>
                    <a:pt x="0" y="404"/>
                    <a:pt x="99" y="439"/>
                    <a:pt x="247" y="494"/>
                  </a:cubicBezTo>
                  <a:cubicBezTo>
                    <a:pt x="394" y="549"/>
                    <a:pt x="581" y="647"/>
                    <a:pt x="769" y="740"/>
                  </a:cubicBezTo>
                  <a:cubicBezTo>
                    <a:pt x="946" y="853"/>
                    <a:pt x="1133" y="950"/>
                    <a:pt x="1254" y="1052"/>
                  </a:cubicBezTo>
                  <a:cubicBezTo>
                    <a:pt x="1380" y="1147"/>
                    <a:pt x="1465" y="1210"/>
                    <a:pt x="1465" y="1210"/>
                  </a:cubicBezTo>
                  <a:lnTo>
                    <a:pt x="1734" y="879"/>
                  </a:lnTo>
                  <a:cubicBezTo>
                    <a:pt x="1734" y="879"/>
                    <a:pt x="1642" y="810"/>
                    <a:pt x="1504" y="707"/>
                  </a:cubicBezTo>
                  <a:cubicBezTo>
                    <a:pt x="1372" y="597"/>
                    <a:pt x="1169" y="489"/>
                    <a:pt x="975" y="367"/>
                  </a:cubicBezTo>
                  <a:cubicBezTo>
                    <a:pt x="771" y="265"/>
                    <a:pt x="567" y="159"/>
                    <a:pt x="406" y="98"/>
                  </a:cubicBezTo>
                  <a:cubicBezTo>
                    <a:pt x="245" y="39"/>
                    <a:pt x="138" y="0"/>
                    <a:pt x="138"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0" name="Google Shape;230;p24"/>
            <p:cNvSpPr/>
            <p:nvPr/>
          </p:nvSpPr>
          <p:spPr>
            <a:xfrm>
              <a:off x="3341685" y="3565638"/>
              <a:ext cx="79016" cy="102214"/>
            </a:xfrm>
            <a:custGeom>
              <a:avLst/>
              <a:gdLst/>
              <a:ahLst/>
              <a:cxnLst/>
              <a:rect l="l" t="t" r="r" b="b"/>
              <a:pathLst>
                <a:path w="1308" h="1692" extrusionOk="0">
                  <a:moveTo>
                    <a:pt x="313" y="0"/>
                  </a:moveTo>
                  <a:lnTo>
                    <a:pt x="1" y="292"/>
                  </a:lnTo>
                  <a:cubicBezTo>
                    <a:pt x="1" y="292"/>
                    <a:pt x="71" y="369"/>
                    <a:pt x="178" y="486"/>
                  </a:cubicBezTo>
                  <a:cubicBezTo>
                    <a:pt x="273" y="611"/>
                    <a:pt x="406" y="774"/>
                    <a:pt x="519" y="951"/>
                  </a:cubicBezTo>
                  <a:cubicBezTo>
                    <a:pt x="628" y="1131"/>
                    <a:pt x="740" y="1309"/>
                    <a:pt x="801" y="1454"/>
                  </a:cubicBezTo>
                  <a:cubicBezTo>
                    <a:pt x="869" y="1597"/>
                    <a:pt x="915" y="1691"/>
                    <a:pt x="915" y="1691"/>
                  </a:cubicBezTo>
                  <a:lnTo>
                    <a:pt x="1307" y="1526"/>
                  </a:lnTo>
                  <a:cubicBezTo>
                    <a:pt x="1307" y="1526"/>
                    <a:pt x="1258" y="1422"/>
                    <a:pt x="1184" y="1267"/>
                  </a:cubicBezTo>
                  <a:cubicBezTo>
                    <a:pt x="1116" y="1109"/>
                    <a:pt x="996" y="914"/>
                    <a:pt x="876" y="720"/>
                  </a:cubicBezTo>
                  <a:cubicBezTo>
                    <a:pt x="753" y="526"/>
                    <a:pt x="609" y="348"/>
                    <a:pt x="505" y="212"/>
                  </a:cubicBezTo>
                  <a:cubicBezTo>
                    <a:pt x="389" y="85"/>
                    <a:pt x="313" y="0"/>
                    <a:pt x="313"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1" name="Google Shape;231;p24"/>
            <p:cNvSpPr/>
            <p:nvPr/>
          </p:nvSpPr>
          <p:spPr>
            <a:xfrm>
              <a:off x="3409646" y="3699746"/>
              <a:ext cx="36125" cy="109644"/>
            </a:xfrm>
            <a:custGeom>
              <a:avLst/>
              <a:gdLst/>
              <a:ahLst/>
              <a:cxnLst/>
              <a:rect l="l" t="t" r="r" b="b"/>
              <a:pathLst>
                <a:path w="598" h="1815" extrusionOk="0">
                  <a:moveTo>
                    <a:pt x="413" y="0"/>
                  </a:moveTo>
                  <a:lnTo>
                    <a:pt x="0" y="109"/>
                  </a:lnTo>
                  <a:cubicBezTo>
                    <a:pt x="0" y="109"/>
                    <a:pt x="26" y="210"/>
                    <a:pt x="67" y="363"/>
                  </a:cubicBezTo>
                  <a:cubicBezTo>
                    <a:pt x="85" y="519"/>
                    <a:pt x="132" y="725"/>
                    <a:pt x="143" y="935"/>
                  </a:cubicBezTo>
                  <a:cubicBezTo>
                    <a:pt x="153" y="1146"/>
                    <a:pt x="171" y="1356"/>
                    <a:pt x="153" y="1513"/>
                  </a:cubicBezTo>
                  <a:cubicBezTo>
                    <a:pt x="146" y="1670"/>
                    <a:pt x="141" y="1775"/>
                    <a:pt x="141" y="1775"/>
                  </a:cubicBezTo>
                  <a:lnTo>
                    <a:pt x="566" y="1815"/>
                  </a:lnTo>
                  <a:cubicBezTo>
                    <a:pt x="566" y="1815"/>
                    <a:pt x="571" y="1701"/>
                    <a:pt x="580" y="1529"/>
                  </a:cubicBezTo>
                  <a:cubicBezTo>
                    <a:pt x="598" y="1358"/>
                    <a:pt x="580" y="1129"/>
                    <a:pt x="569" y="901"/>
                  </a:cubicBezTo>
                  <a:cubicBezTo>
                    <a:pt x="556" y="672"/>
                    <a:pt x="506" y="448"/>
                    <a:pt x="484" y="277"/>
                  </a:cubicBezTo>
                  <a:cubicBezTo>
                    <a:pt x="442" y="111"/>
                    <a:pt x="413" y="0"/>
                    <a:pt x="413"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2" name="Google Shape;232;p24"/>
            <p:cNvSpPr/>
            <p:nvPr/>
          </p:nvSpPr>
          <p:spPr>
            <a:xfrm>
              <a:off x="3371225" y="3846902"/>
              <a:ext cx="65243" cy="107047"/>
            </a:xfrm>
            <a:custGeom>
              <a:avLst/>
              <a:gdLst/>
              <a:ahLst/>
              <a:cxnLst/>
              <a:rect l="l" t="t" r="r" b="b"/>
              <a:pathLst>
                <a:path w="1080" h="1772" extrusionOk="0">
                  <a:moveTo>
                    <a:pt x="664" y="1"/>
                  </a:moveTo>
                  <a:cubicBezTo>
                    <a:pt x="664" y="1"/>
                    <a:pt x="638" y="103"/>
                    <a:pt x="599" y="255"/>
                  </a:cubicBezTo>
                  <a:cubicBezTo>
                    <a:pt x="555" y="406"/>
                    <a:pt x="480" y="603"/>
                    <a:pt x="402" y="798"/>
                  </a:cubicBezTo>
                  <a:cubicBezTo>
                    <a:pt x="308" y="986"/>
                    <a:pt x="227" y="1180"/>
                    <a:pt x="137" y="1311"/>
                  </a:cubicBezTo>
                  <a:cubicBezTo>
                    <a:pt x="56" y="1445"/>
                    <a:pt x="1" y="1535"/>
                    <a:pt x="1" y="1535"/>
                  </a:cubicBezTo>
                  <a:lnTo>
                    <a:pt x="356" y="1772"/>
                  </a:lnTo>
                  <a:cubicBezTo>
                    <a:pt x="356" y="1772"/>
                    <a:pt x="415" y="1673"/>
                    <a:pt x="504" y="1527"/>
                  </a:cubicBezTo>
                  <a:cubicBezTo>
                    <a:pt x="601" y="1384"/>
                    <a:pt x="692" y="1173"/>
                    <a:pt x="793" y="968"/>
                  </a:cubicBezTo>
                  <a:cubicBezTo>
                    <a:pt x="879" y="756"/>
                    <a:pt x="959" y="541"/>
                    <a:pt x="1009" y="377"/>
                  </a:cubicBezTo>
                  <a:cubicBezTo>
                    <a:pt x="1051" y="211"/>
                    <a:pt x="1080" y="100"/>
                    <a:pt x="1080" y="100"/>
                  </a:cubicBezTo>
                  <a:lnTo>
                    <a:pt x="66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3" name="Google Shape;233;p24"/>
            <p:cNvSpPr/>
            <p:nvPr/>
          </p:nvSpPr>
          <p:spPr>
            <a:xfrm>
              <a:off x="3267201" y="3971586"/>
              <a:ext cx="98347" cy="85601"/>
            </a:xfrm>
            <a:custGeom>
              <a:avLst/>
              <a:gdLst/>
              <a:ahLst/>
              <a:cxnLst/>
              <a:rect l="l" t="t" r="r" b="b"/>
              <a:pathLst>
                <a:path w="1628" h="1417" extrusionOk="0">
                  <a:moveTo>
                    <a:pt x="1309" y="0"/>
                  </a:moveTo>
                  <a:cubicBezTo>
                    <a:pt x="1309" y="0"/>
                    <a:pt x="1239" y="79"/>
                    <a:pt x="1132" y="195"/>
                  </a:cubicBezTo>
                  <a:cubicBezTo>
                    <a:pt x="1016" y="300"/>
                    <a:pt x="868" y="451"/>
                    <a:pt x="700" y="577"/>
                  </a:cubicBezTo>
                  <a:cubicBezTo>
                    <a:pt x="616" y="640"/>
                    <a:pt x="532" y="703"/>
                    <a:pt x="453" y="762"/>
                  </a:cubicBezTo>
                  <a:cubicBezTo>
                    <a:pt x="375" y="821"/>
                    <a:pt x="292" y="863"/>
                    <a:pt x="226" y="906"/>
                  </a:cubicBezTo>
                  <a:cubicBezTo>
                    <a:pt x="159" y="947"/>
                    <a:pt x="102" y="981"/>
                    <a:pt x="63" y="1005"/>
                  </a:cubicBezTo>
                  <a:cubicBezTo>
                    <a:pt x="24" y="1030"/>
                    <a:pt x="1" y="1041"/>
                    <a:pt x="1" y="1041"/>
                  </a:cubicBezTo>
                  <a:lnTo>
                    <a:pt x="202" y="1416"/>
                  </a:lnTo>
                  <a:cubicBezTo>
                    <a:pt x="202" y="1416"/>
                    <a:pt x="228" y="1404"/>
                    <a:pt x="270" y="1377"/>
                  </a:cubicBezTo>
                  <a:cubicBezTo>
                    <a:pt x="314" y="1351"/>
                    <a:pt x="375" y="1314"/>
                    <a:pt x="448" y="1269"/>
                  </a:cubicBezTo>
                  <a:cubicBezTo>
                    <a:pt x="520" y="1223"/>
                    <a:pt x="609" y="1177"/>
                    <a:pt x="695" y="1113"/>
                  </a:cubicBezTo>
                  <a:cubicBezTo>
                    <a:pt x="781" y="1049"/>
                    <a:pt x="873" y="980"/>
                    <a:pt x="965" y="912"/>
                  </a:cubicBezTo>
                  <a:cubicBezTo>
                    <a:pt x="1147" y="773"/>
                    <a:pt x="1308" y="610"/>
                    <a:pt x="1435" y="495"/>
                  </a:cubicBezTo>
                  <a:cubicBezTo>
                    <a:pt x="1551" y="368"/>
                    <a:pt x="1628" y="284"/>
                    <a:pt x="1628" y="284"/>
                  </a:cubicBezTo>
                  <a:lnTo>
                    <a:pt x="1309"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4" name="Google Shape;234;p24"/>
            <p:cNvSpPr/>
            <p:nvPr/>
          </p:nvSpPr>
          <p:spPr>
            <a:xfrm>
              <a:off x="3130677" y="4050782"/>
              <a:ext cx="108315" cy="43797"/>
            </a:xfrm>
            <a:custGeom>
              <a:avLst/>
              <a:gdLst/>
              <a:ahLst/>
              <a:cxnLst/>
              <a:rect l="l" t="t" r="r" b="b"/>
              <a:pathLst>
                <a:path w="1793" h="725" extrusionOk="0">
                  <a:moveTo>
                    <a:pt x="1646" y="1"/>
                  </a:moveTo>
                  <a:cubicBezTo>
                    <a:pt x="1646" y="1"/>
                    <a:pt x="1548" y="39"/>
                    <a:pt x="1399" y="89"/>
                  </a:cubicBezTo>
                  <a:cubicBezTo>
                    <a:pt x="1244" y="122"/>
                    <a:pt x="1045" y="193"/>
                    <a:pt x="836" y="220"/>
                  </a:cubicBezTo>
                  <a:cubicBezTo>
                    <a:pt x="733" y="235"/>
                    <a:pt x="628" y="251"/>
                    <a:pt x="531" y="266"/>
                  </a:cubicBezTo>
                  <a:cubicBezTo>
                    <a:pt x="434" y="280"/>
                    <a:pt x="341" y="278"/>
                    <a:pt x="262" y="284"/>
                  </a:cubicBezTo>
                  <a:cubicBezTo>
                    <a:pt x="105" y="292"/>
                    <a:pt x="1" y="297"/>
                    <a:pt x="1" y="297"/>
                  </a:cubicBezTo>
                  <a:lnTo>
                    <a:pt x="1" y="724"/>
                  </a:lnTo>
                  <a:lnTo>
                    <a:pt x="286" y="710"/>
                  </a:lnTo>
                  <a:cubicBezTo>
                    <a:pt x="372" y="704"/>
                    <a:pt x="472" y="705"/>
                    <a:pt x="579" y="690"/>
                  </a:cubicBezTo>
                  <a:cubicBezTo>
                    <a:pt x="684" y="674"/>
                    <a:pt x="798" y="657"/>
                    <a:pt x="911" y="640"/>
                  </a:cubicBezTo>
                  <a:cubicBezTo>
                    <a:pt x="1138" y="610"/>
                    <a:pt x="1356" y="533"/>
                    <a:pt x="1524" y="496"/>
                  </a:cubicBezTo>
                  <a:cubicBezTo>
                    <a:pt x="1686" y="442"/>
                    <a:pt x="1792" y="401"/>
                    <a:pt x="1792" y="401"/>
                  </a:cubicBezTo>
                  <a:lnTo>
                    <a:pt x="1646"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5" name="Google Shape;235;p24"/>
            <p:cNvSpPr/>
            <p:nvPr/>
          </p:nvSpPr>
          <p:spPr>
            <a:xfrm>
              <a:off x="612227" y="3495080"/>
              <a:ext cx="2791727" cy="569787"/>
            </a:xfrm>
            <a:custGeom>
              <a:avLst/>
              <a:gdLst/>
              <a:ahLst/>
              <a:cxnLst/>
              <a:rect l="l" t="t" r="r" b="b"/>
              <a:pathLst>
                <a:path w="46213" h="9432" extrusionOk="0">
                  <a:moveTo>
                    <a:pt x="4716" y="0"/>
                  </a:moveTo>
                  <a:cubicBezTo>
                    <a:pt x="2111" y="0"/>
                    <a:pt x="1" y="2111"/>
                    <a:pt x="1" y="4716"/>
                  </a:cubicBezTo>
                  <a:cubicBezTo>
                    <a:pt x="1" y="7320"/>
                    <a:pt x="2111" y="9431"/>
                    <a:pt x="4716" y="9431"/>
                  </a:cubicBezTo>
                  <a:lnTo>
                    <a:pt x="41497" y="9431"/>
                  </a:lnTo>
                  <a:cubicBezTo>
                    <a:pt x="44100" y="9431"/>
                    <a:pt x="46212" y="7320"/>
                    <a:pt x="46212" y="4716"/>
                  </a:cubicBezTo>
                  <a:cubicBezTo>
                    <a:pt x="46212" y="2111"/>
                    <a:pt x="44100" y="0"/>
                    <a:pt x="41497"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6" name="Google Shape;236;p24"/>
            <p:cNvSpPr/>
            <p:nvPr/>
          </p:nvSpPr>
          <p:spPr>
            <a:xfrm>
              <a:off x="3016564" y="3655526"/>
              <a:ext cx="274684" cy="244963"/>
            </a:xfrm>
            <a:custGeom>
              <a:avLst/>
              <a:gdLst/>
              <a:ahLst/>
              <a:cxnLst/>
              <a:rect l="l" t="t" r="r" b="b"/>
              <a:pathLst>
                <a:path w="4547" h="4055" extrusionOk="0">
                  <a:moveTo>
                    <a:pt x="2274" y="0"/>
                  </a:moveTo>
                  <a:cubicBezTo>
                    <a:pt x="1419" y="0"/>
                    <a:pt x="625" y="545"/>
                    <a:pt x="347" y="1401"/>
                  </a:cubicBezTo>
                  <a:cubicBezTo>
                    <a:pt x="0" y="2466"/>
                    <a:pt x="583" y="3609"/>
                    <a:pt x="1648" y="3954"/>
                  </a:cubicBezTo>
                  <a:cubicBezTo>
                    <a:pt x="1856" y="4022"/>
                    <a:pt x="2067" y="4054"/>
                    <a:pt x="2275" y="4054"/>
                  </a:cubicBezTo>
                  <a:cubicBezTo>
                    <a:pt x="3129" y="4054"/>
                    <a:pt x="3923" y="3510"/>
                    <a:pt x="4201" y="2653"/>
                  </a:cubicBezTo>
                  <a:cubicBezTo>
                    <a:pt x="4547" y="1588"/>
                    <a:pt x="3965" y="446"/>
                    <a:pt x="2900" y="100"/>
                  </a:cubicBezTo>
                  <a:cubicBezTo>
                    <a:pt x="2692" y="32"/>
                    <a:pt x="2481" y="0"/>
                    <a:pt x="2274"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7" name="Google Shape;237;p24"/>
            <p:cNvSpPr/>
            <p:nvPr/>
          </p:nvSpPr>
          <p:spPr>
            <a:xfrm>
              <a:off x="724830" y="3655526"/>
              <a:ext cx="274684" cy="244963"/>
            </a:xfrm>
            <a:custGeom>
              <a:avLst/>
              <a:gdLst/>
              <a:ahLst/>
              <a:cxnLst/>
              <a:rect l="l" t="t" r="r" b="b"/>
              <a:pathLst>
                <a:path w="4547" h="4055" extrusionOk="0">
                  <a:moveTo>
                    <a:pt x="2273" y="0"/>
                  </a:moveTo>
                  <a:cubicBezTo>
                    <a:pt x="1419" y="0"/>
                    <a:pt x="624" y="545"/>
                    <a:pt x="347" y="1401"/>
                  </a:cubicBezTo>
                  <a:cubicBezTo>
                    <a:pt x="0" y="2466"/>
                    <a:pt x="583" y="3609"/>
                    <a:pt x="1647" y="3954"/>
                  </a:cubicBezTo>
                  <a:cubicBezTo>
                    <a:pt x="1855" y="4022"/>
                    <a:pt x="2066" y="4054"/>
                    <a:pt x="2274" y="4054"/>
                  </a:cubicBezTo>
                  <a:cubicBezTo>
                    <a:pt x="3128" y="4054"/>
                    <a:pt x="3923" y="3510"/>
                    <a:pt x="4201" y="2653"/>
                  </a:cubicBezTo>
                  <a:cubicBezTo>
                    <a:pt x="4546" y="1588"/>
                    <a:pt x="3963" y="446"/>
                    <a:pt x="2900" y="100"/>
                  </a:cubicBezTo>
                  <a:cubicBezTo>
                    <a:pt x="2692" y="32"/>
                    <a:pt x="2481" y="0"/>
                    <a:pt x="2273"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8" name="Google Shape;238;p24"/>
            <p:cNvSpPr/>
            <p:nvPr/>
          </p:nvSpPr>
          <p:spPr>
            <a:xfrm>
              <a:off x="972265" y="3891484"/>
              <a:ext cx="2071580" cy="173377"/>
            </a:xfrm>
            <a:custGeom>
              <a:avLst/>
              <a:gdLst/>
              <a:ahLst/>
              <a:cxnLst/>
              <a:rect l="l" t="t" r="r" b="b"/>
              <a:pathLst>
                <a:path w="34292" h="2870" extrusionOk="0">
                  <a:moveTo>
                    <a:pt x="1" y="1"/>
                  </a:moveTo>
                  <a:lnTo>
                    <a:pt x="1" y="2869"/>
                  </a:lnTo>
                  <a:lnTo>
                    <a:pt x="34291" y="2869"/>
                  </a:lnTo>
                  <a:lnTo>
                    <a:pt x="34291"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9" name="Google Shape;239;p24"/>
            <p:cNvSpPr/>
            <p:nvPr/>
          </p:nvSpPr>
          <p:spPr>
            <a:xfrm>
              <a:off x="1016303" y="3931837"/>
              <a:ext cx="1983562" cy="313588"/>
            </a:xfrm>
            <a:custGeom>
              <a:avLst/>
              <a:gdLst/>
              <a:ahLst/>
              <a:cxnLst/>
              <a:rect l="l" t="t" r="r" b="b"/>
              <a:pathLst>
                <a:path w="32835" h="5191" extrusionOk="0">
                  <a:moveTo>
                    <a:pt x="0" y="1"/>
                  </a:moveTo>
                  <a:lnTo>
                    <a:pt x="0" y="5191"/>
                  </a:lnTo>
                  <a:lnTo>
                    <a:pt x="32834" y="5191"/>
                  </a:lnTo>
                  <a:lnTo>
                    <a:pt x="32834"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0" name="Google Shape;240;p24"/>
            <p:cNvSpPr/>
            <p:nvPr/>
          </p:nvSpPr>
          <p:spPr>
            <a:xfrm>
              <a:off x="1117971" y="4245359"/>
              <a:ext cx="187875" cy="99072"/>
            </a:xfrm>
            <a:custGeom>
              <a:avLst/>
              <a:gdLst/>
              <a:ahLst/>
              <a:cxnLst/>
              <a:rect l="l" t="t" r="r" b="b"/>
              <a:pathLst>
                <a:path w="3110" h="1640" extrusionOk="0">
                  <a:moveTo>
                    <a:pt x="0" y="1"/>
                  </a:moveTo>
                  <a:lnTo>
                    <a:pt x="0" y="1639"/>
                  </a:lnTo>
                  <a:lnTo>
                    <a:pt x="3110" y="1639"/>
                  </a:lnTo>
                  <a:lnTo>
                    <a:pt x="3110"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1" name="Google Shape;241;p24"/>
            <p:cNvSpPr/>
            <p:nvPr/>
          </p:nvSpPr>
          <p:spPr>
            <a:xfrm>
              <a:off x="2710412" y="4245359"/>
              <a:ext cx="187815" cy="99072"/>
            </a:xfrm>
            <a:custGeom>
              <a:avLst/>
              <a:gdLst/>
              <a:ahLst/>
              <a:cxnLst/>
              <a:rect l="l" t="t" r="r" b="b"/>
              <a:pathLst>
                <a:path w="3109" h="1640" extrusionOk="0">
                  <a:moveTo>
                    <a:pt x="0" y="1"/>
                  </a:moveTo>
                  <a:lnTo>
                    <a:pt x="0" y="1639"/>
                  </a:lnTo>
                  <a:lnTo>
                    <a:pt x="3109" y="1639"/>
                  </a:lnTo>
                  <a:lnTo>
                    <a:pt x="3109"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2" name="Google Shape;242;p24"/>
            <p:cNvSpPr/>
            <p:nvPr/>
          </p:nvSpPr>
          <p:spPr>
            <a:xfrm>
              <a:off x="1305783" y="4906294"/>
              <a:ext cx="402270" cy="61075"/>
            </a:xfrm>
            <a:custGeom>
              <a:avLst/>
              <a:gdLst/>
              <a:ahLst/>
              <a:cxnLst/>
              <a:rect l="l" t="t" r="r" b="b"/>
              <a:pathLst>
                <a:path w="6659" h="1011" extrusionOk="0">
                  <a:moveTo>
                    <a:pt x="1" y="0"/>
                  </a:moveTo>
                  <a:lnTo>
                    <a:pt x="1" y="1010"/>
                  </a:lnTo>
                  <a:lnTo>
                    <a:pt x="6659" y="1010"/>
                  </a:lnTo>
                  <a:lnTo>
                    <a:pt x="6659" y="822"/>
                  </a:lnTo>
                  <a:lnTo>
                    <a:pt x="1"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3" name="Google Shape;243;p24"/>
            <p:cNvSpPr/>
            <p:nvPr/>
          </p:nvSpPr>
          <p:spPr>
            <a:xfrm>
              <a:off x="715768" y="4906294"/>
              <a:ext cx="402270" cy="61075"/>
            </a:xfrm>
            <a:custGeom>
              <a:avLst/>
              <a:gdLst/>
              <a:ahLst/>
              <a:cxnLst/>
              <a:rect l="l" t="t" r="r" b="b"/>
              <a:pathLst>
                <a:path w="6659" h="1011" extrusionOk="0">
                  <a:moveTo>
                    <a:pt x="6658" y="0"/>
                  </a:moveTo>
                  <a:lnTo>
                    <a:pt x="0" y="822"/>
                  </a:lnTo>
                  <a:lnTo>
                    <a:pt x="0" y="1010"/>
                  </a:lnTo>
                  <a:lnTo>
                    <a:pt x="6658" y="1010"/>
                  </a:lnTo>
                  <a:lnTo>
                    <a:pt x="665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4" name="Google Shape;244;p24"/>
            <p:cNvSpPr/>
            <p:nvPr/>
          </p:nvSpPr>
          <p:spPr>
            <a:xfrm>
              <a:off x="2898163" y="4906294"/>
              <a:ext cx="402270" cy="61075"/>
            </a:xfrm>
            <a:custGeom>
              <a:avLst/>
              <a:gdLst/>
              <a:ahLst/>
              <a:cxnLst/>
              <a:rect l="l" t="t" r="r" b="b"/>
              <a:pathLst>
                <a:path w="6659" h="1011" extrusionOk="0">
                  <a:moveTo>
                    <a:pt x="1" y="0"/>
                  </a:moveTo>
                  <a:lnTo>
                    <a:pt x="1" y="1010"/>
                  </a:lnTo>
                  <a:lnTo>
                    <a:pt x="6658" y="1010"/>
                  </a:lnTo>
                  <a:lnTo>
                    <a:pt x="6658" y="822"/>
                  </a:lnTo>
                  <a:lnTo>
                    <a:pt x="1"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5" name="Google Shape;245;p24"/>
            <p:cNvSpPr/>
            <p:nvPr/>
          </p:nvSpPr>
          <p:spPr>
            <a:xfrm>
              <a:off x="2308209" y="4906294"/>
              <a:ext cx="402270" cy="61075"/>
            </a:xfrm>
            <a:custGeom>
              <a:avLst/>
              <a:gdLst/>
              <a:ahLst/>
              <a:cxnLst/>
              <a:rect l="l" t="t" r="r" b="b"/>
              <a:pathLst>
                <a:path w="6659" h="1011" extrusionOk="0">
                  <a:moveTo>
                    <a:pt x="6658" y="0"/>
                  </a:moveTo>
                  <a:lnTo>
                    <a:pt x="0" y="822"/>
                  </a:lnTo>
                  <a:lnTo>
                    <a:pt x="0" y="1010"/>
                  </a:lnTo>
                  <a:lnTo>
                    <a:pt x="6658" y="1010"/>
                  </a:lnTo>
                  <a:lnTo>
                    <a:pt x="665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6" name="Google Shape;246;p24"/>
            <p:cNvSpPr/>
            <p:nvPr/>
          </p:nvSpPr>
          <p:spPr>
            <a:xfrm>
              <a:off x="1117971" y="3574820"/>
              <a:ext cx="187875" cy="357748"/>
            </a:xfrm>
            <a:custGeom>
              <a:avLst/>
              <a:gdLst/>
              <a:ahLst/>
              <a:cxnLst/>
              <a:rect l="l" t="t" r="r" b="b"/>
              <a:pathLst>
                <a:path w="3110" h="5922" extrusionOk="0">
                  <a:moveTo>
                    <a:pt x="0" y="0"/>
                  </a:moveTo>
                  <a:lnTo>
                    <a:pt x="0" y="5922"/>
                  </a:lnTo>
                  <a:lnTo>
                    <a:pt x="3110" y="5922"/>
                  </a:lnTo>
                  <a:lnTo>
                    <a:pt x="311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7" name="Google Shape;247;p24"/>
            <p:cNvSpPr/>
            <p:nvPr/>
          </p:nvSpPr>
          <p:spPr>
            <a:xfrm>
              <a:off x="2710412" y="3574820"/>
              <a:ext cx="187815" cy="357748"/>
            </a:xfrm>
            <a:custGeom>
              <a:avLst/>
              <a:gdLst/>
              <a:ahLst/>
              <a:cxnLst/>
              <a:rect l="l" t="t" r="r" b="b"/>
              <a:pathLst>
                <a:path w="3109" h="5922" extrusionOk="0">
                  <a:moveTo>
                    <a:pt x="0" y="0"/>
                  </a:moveTo>
                  <a:lnTo>
                    <a:pt x="0" y="5922"/>
                  </a:lnTo>
                  <a:lnTo>
                    <a:pt x="3109" y="5922"/>
                  </a:lnTo>
                  <a:lnTo>
                    <a:pt x="3109"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8" name="Google Shape;248;p24"/>
            <p:cNvSpPr/>
            <p:nvPr/>
          </p:nvSpPr>
          <p:spPr>
            <a:xfrm>
              <a:off x="2781513" y="3646344"/>
              <a:ext cx="45610" cy="286223"/>
            </a:xfrm>
            <a:custGeom>
              <a:avLst/>
              <a:gdLst/>
              <a:ahLst/>
              <a:cxnLst/>
              <a:rect l="l" t="t" r="r" b="b"/>
              <a:pathLst>
                <a:path w="755" h="4738" extrusionOk="0">
                  <a:moveTo>
                    <a:pt x="1" y="1"/>
                  </a:moveTo>
                  <a:lnTo>
                    <a:pt x="1" y="4738"/>
                  </a:lnTo>
                  <a:lnTo>
                    <a:pt x="754" y="4738"/>
                  </a:lnTo>
                  <a:lnTo>
                    <a:pt x="754"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9" name="Google Shape;249;p24"/>
            <p:cNvSpPr/>
            <p:nvPr/>
          </p:nvSpPr>
          <p:spPr>
            <a:xfrm>
              <a:off x="2781513" y="4245359"/>
              <a:ext cx="45610" cy="357808"/>
            </a:xfrm>
            <a:custGeom>
              <a:avLst/>
              <a:gdLst/>
              <a:ahLst/>
              <a:cxnLst/>
              <a:rect l="l" t="t" r="r" b="b"/>
              <a:pathLst>
                <a:path w="755" h="5923" extrusionOk="0">
                  <a:moveTo>
                    <a:pt x="1" y="1"/>
                  </a:moveTo>
                  <a:lnTo>
                    <a:pt x="1" y="5923"/>
                  </a:lnTo>
                  <a:lnTo>
                    <a:pt x="754" y="5923"/>
                  </a:lnTo>
                  <a:lnTo>
                    <a:pt x="754"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0" name="Google Shape;250;p24"/>
            <p:cNvSpPr/>
            <p:nvPr/>
          </p:nvSpPr>
          <p:spPr>
            <a:xfrm>
              <a:off x="1189072" y="3646344"/>
              <a:ext cx="45610" cy="286223"/>
            </a:xfrm>
            <a:custGeom>
              <a:avLst/>
              <a:gdLst/>
              <a:ahLst/>
              <a:cxnLst/>
              <a:rect l="l" t="t" r="r" b="b"/>
              <a:pathLst>
                <a:path w="755" h="4738" extrusionOk="0">
                  <a:moveTo>
                    <a:pt x="1" y="1"/>
                  </a:moveTo>
                  <a:lnTo>
                    <a:pt x="1" y="4738"/>
                  </a:lnTo>
                  <a:lnTo>
                    <a:pt x="754" y="4738"/>
                  </a:lnTo>
                  <a:lnTo>
                    <a:pt x="754"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1" name="Google Shape;251;p24"/>
            <p:cNvSpPr/>
            <p:nvPr/>
          </p:nvSpPr>
          <p:spPr>
            <a:xfrm>
              <a:off x="1189072" y="4245359"/>
              <a:ext cx="45610" cy="357808"/>
            </a:xfrm>
            <a:custGeom>
              <a:avLst/>
              <a:gdLst/>
              <a:ahLst/>
              <a:cxnLst/>
              <a:rect l="l" t="t" r="r" b="b"/>
              <a:pathLst>
                <a:path w="755" h="5923" extrusionOk="0">
                  <a:moveTo>
                    <a:pt x="1" y="1"/>
                  </a:moveTo>
                  <a:lnTo>
                    <a:pt x="1" y="5923"/>
                  </a:lnTo>
                  <a:lnTo>
                    <a:pt x="754" y="5923"/>
                  </a:lnTo>
                  <a:lnTo>
                    <a:pt x="754"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2" name="Google Shape;252;p24"/>
            <p:cNvSpPr/>
            <p:nvPr/>
          </p:nvSpPr>
          <p:spPr>
            <a:xfrm>
              <a:off x="2712889" y="3997260"/>
              <a:ext cx="182801" cy="182740"/>
            </a:xfrm>
            <a:custGeom>
              <a:avLst/>
              <a:gdLst/>
              <a:ahLst/>
              <a:cxnLst/>
              <a:rect l="l" t="t" r="r" b="b"/>
              <a:pathLst>
                <a:path w="3026" h="3025" extrusionOk="0">
                  <a:moveTo>
                    <a:pt x="1513" y="1"/>
                  </a:moveTo>
                  <a:cubicBezTo>
                    <a:pt x="678" y="1"/>
                    <a:pt x="1" y="678"/>
                    <a:pt x="1" y="1512"/>
                  </a:cubicBezTo>
                  <a:cubicBezTo>
                    <a:pt x="1" y="2347"/>
                    <a:pt x="678" y="3024"/>
                    <a:pt x="1513" y="3024"/>
                  </a:cubicBezTo>
                  <a:cubicBezTo>
                    <a:pt x="2348" y="3024"/>
                    <a:pt x="3025" y="2347"/>
                    <a:pt x="3025" y="1512"/>
                  </a:cubicBezTo>
                  <a:cubicBezTo>
                    <a:pt x="3025" y="677"/>
                    <a:pt x="2348" y="1"/>
                    <a:pt x="1513"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3" name="Google Shape;253;p24"/>
            <p:cNvSpPr/>
            <p:nvPr/>
          </p:nvSpPr>
          <p:spPr>
            <a:xfrm>
              <a:off x="2733730" y="4018101"/>
              <a:ext cx="141118" cy="141118"/>
            </a:xfrm>
            <a:custGeom>
              <a:avLst/>
              <a:gdLst/>
              <a:ahLst/>
              <a:cxnLst/>
              <a:rect l="l" t="t" r="r" b="b"/>
              <a:pathLst>
                <a:path w="2336" h="2336" extrusionOk="0">
                  <a:moveTo>
                    <a:pt x="1168" y="0"/>
                  </a:moveTo>
                  <a:cubicBezTo>
                    <a:pt x="524" y="0"/>
                    <a:pt x="1" y="523"/>
                    <a:pt x="1" y="1167"/>
                  </a:cubicBezTo>
                  <a:cubicBezTo>
                    <a:pt x="1" y="1812"/>
                    <a:pt x="524" y="2335"/>
                    <a:pt x="1168" y="2335"/>
                  </a:cubicBezTo>
                  <a:cubicBezTo>
                    <a:pt x="1813" y="2335"/>
                    <a:pt x="2336" y="1812"/>
                    <a:pt x="2336" y="1167"/>
                  </a:cubicBezTo>
                  <a:cubicBezTo>
                    <a:pt x="2336" y="523"/>
                    <a:pt x="1813" y="0"/>
                    <a:pt x="1168"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4" name="Google Shape;254;p24"/>
            <p:cNvSpPr/>
            <p:nvPr/>
          </p:nvSpPr>
          <p:spPr>
            <a:xfrm>
              <a:off x="2754148" y="4045164"/>
              <a:ext cx="100281" cy="86930"/>
            </a:xfrm>
            <a:custGeom>
              <a:avLst/>
              <a:gdLst/>
              <a:ahLst/>
              <a:cxnLst/>
              <a:rect l="l" t="t" r="r" b="b"/>
              <a:pathLst>
                <a:path w="1660" h="1439" extrusionOk="0">
                  <a:moveTo>
                    <a:pt x="415" y="1"/>
                  </a:moveTo>
                  <a:lnTo>
                    <a:pt x="1" y="719"/>
                  </a:lnTo>
                  <a:lnTo>
                    <a:pt x="415" y="1439"/>
                  </a:lnTo>
                  <a:lnTo>
                    <a:pt x="1245" y="1439"/>
                  </a:lnTo>
                  <a:lnTo>
                    <a:pt x="1660" y="719"/>
                  </a:lnTo>
                  <a:lnTo>
                    <a:pt x="1245"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5" name="Google Shape;255;p24"/>
            <p:cNvSpPr/>
            <p:nvPr/>
          </p:nvSpPr>
          <p:spPr>
            <a:xfrm>
              <a:off x="1120448" y="3997260"/>
              <a:ext cx="182801" cy="182740"/>
            </a:xfrm>
            <a:custGeom>
              <a:avLst/>
              <a:gdLst/>
              <a:ahLst/>
              <a:cxnLst/>
              <a:rect l="l" t="t" r="r" b="b"/>
              <a:pathLst>
                <a:path w="3026" h="3025" extrusionOk="0">
                  <a:moveTo>
                    <a:pt x="1513" y="1"/>
                  </a:moveTo>
                  <a:cubicBezTo>
                    <a:pt x="678" y="1"/>
                    <a:pt x="1" y="678"/>
                    <a:pt x="1" y="1512"/>
                  </a:cubicBezTo>
                  <a:cubicBezTo>
                    <a:pt x="1" y="2347"/>
                    <a:pt x="678" y="3024"/>
                    <a:pt x="1513" y="3024"/>
                  </a:cubicBezTo>
                  <a:cubicBezTo>
                    <a:pt x="2348" y="3024"/>
                    <a:pt x="3025" y="2347"/>
                    <a:pt x="3025" y="1512"/>
                  </a:cubicBezTo>
                  <a:cubicBezTo>
                    <a:pt x="3025" y="677"/>
                    <a:pt x="2348" y="1"/>
                    <a:pt x="1513"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6" name="Google Shape;256;p24"/>
            <p:cNvSpPr/>
            <p:nvPr/>
          </p:nvSpPr>
          <p:spPr>
            <a:xfrm>
              <a:off x="1141289" y="4018101"/>
              <a:ext cx="141057" cy="141118"/>
            </a:xfrm>
            <a:custGeom>
              <a:avLst/>
              <a:gdLst/>
              <a:ahLst/>
              <a:cxnLst/>
              <a:rect l="l" t="t" r="r" b="b"/>
              <a:pathLst>
                <a:path w="2335" h="2336" extrusionOk="0">
                  <a:moveTo>
                    <a:pt x="1168" y="0"/>
                  </a:moveTo>
                  <a:cubicBezTo>
                    <a:pt x="523" y="0"/>
                    <a:pt x="1" y="523"/>
                    <a:pt x="1" y="1167"/>
                  </a:cubicBezTo>
                  <a:cubicBezTo>
                    <a:pt x="1" y="1812"/>
                    <a:pt x="523" y="2335"/>
                    <a:pt x="1168" y="2335"/>
                  </a:cubicBezTo>
                  <a:cubicBezTo>
                    <a:pt x="1813" y="2335"/>
                    <a:pt x="2335" y="1812"/>
                    <a:pt x="2335" y="1167"/>
                  </a:cubicBezTo>
                  <a:cubicBezTo>
                    <a:pt x="2335" y="523"/>
                    <a:pt x="1813" y="0"/>
                    <a:pt x="1168"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7" name="Google Shape;257;p24"/>
            <p:cNvSpPr/>
            <p:nvPr/>
          </p:nvSpPr>
          <p:spPr>
            <a:xfrm>
              <a:off x="1161647" y="4045164"/>
              <a:ext cx="100341" cy="86930"/>
            </a:xfrm>
            <a:custGeom>
              <a:avLst/>
              <a:gdLst/>
              <a:ahLst/>
              <a:cxnLst/>
              <a:rect l="l" t="t" r="r" b="b"/>
              <a:pathLst>
                <a:path w="1661" h="1439" extrusionOk="0">
                  <a:moveTo>
                    <a:pt x="416" y="1"/>
                  </a:moveTo>
                  <a:lnTo>
                    <a:pt x="1" y="719"/>
                  </a:lnTo>
                  <a:lnTo>
                    <a:pt x="416" y="1439"/>
                  </a:lnTo>
                  <a:lnTo>
                    <a:pt x="1245" y="1439"/>
                  </a:lnTo>
                  <a:lnTo>
                    <a:pt x="1661" y="719"/>
                  </a:lnTo>
                  <a:lnTo>
                    <a:pt x="1245"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8" name="Google Shape;258;p24"/>
            <p:cNvSpPr/>
            <p:nvPr/>
          </p:nvSpPr>
          <p:spPr>
            <a:xfrm>
              <a:off x="1407632" y="2861632"/>
              <a:ext cx="589239" cy="16673"/>
            </a:xfrm>
            <a:custGeom>
              <a:avLst/>
              <a:gdLst/>
              <a:ahLst/>
              <a:cxnLst/>
              <a:rect l="l" t="t" r="r" b="b"/>
              <a:pathLst>
                <a:path w="9754" h="276" extrusionOk="0">
                  <a:moveTo>
                    <a:pt x="1" y="0"/>
                  </a:moveTo>
                  <a:lnTo>
                    <a:pt x="1" y="275"/>
                  </a:lnTo>
                  <a:lnTo>
                    <a:pt x="9753" y="275"/>
                  </a:lnTo>
                  <a:lnTo>
                    <a:pt x="9753"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9" name="Google Shape;259;p24"/>
            <p:cNvSpPr/>
            <p:nvPr/>
          </p:nvSpPr>
          <p:spPr>
            <a:xfrm>
              <a:off x="1407632" y="2876190"/>
              <a:ext cx="589239" cy="589179"/>
            </a:xfrm>
            <a:custGeom>
              <a:avLst/>
              <a:gdLst/>
              <a:ahLst/>
              <a:cxnLst/>
              <a:rect l="l" t="t" r="r" b="b"/>
              <a:pathLst>
                <a:path w="9754" h="9753" extrusionOk="0">
                  <a:moveTo>
                    <a:pt x="1" y="0"/>
                  </a:moveTo>
                  <a:lnTo>
                    <a:pt x="1" y="9753"/>
                  </a:lnTo>
                  <a:lnTo>
                    <a:pt x="9753" y="9753"/>
                  </a:lnTo>
                  <a:lnTo>
                    <a:pt x="975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0" name="Google Shape;260;p24"/>
            <p:cNvSpPr/>
            <p:nvPr/>
          </p:nvSpPr>
          <p:spPr>
            <a:xfrm>
              <a:off x="1857014" y="3249820"/>
              <a:ext cx="43737" cy="97139"/>
            </a:xfrm>
            <a:custGeom>
              <a:avLst/>
              <a:gdLst/>
              <a:ahLst/>
              <a:cxnLst/>
              <a:rect l="l" t="t" r="r" b="b"/>
              <a:pathLst>
                <a:path w="724" h="1608" extrusionOk="0">
                  <a:moveTo>
                    <a:pt x="1" y="1"/>
                  </a:moveTo>
                  <a:lnTo>
                    <a:pt x="1" y="1607"/>
                  </a:lnTo>
                  <a:lnTo>
                    <a:pt x="724" y="1607"/>
                  </a:lnTo>
                  <a:lnTo>
                    <a:pt x="72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1" name="Google Shape;261;p24"/>
            <p:cNvSpPr/>
            <p:nvPr/>
          </p:nvSpPr>
          <p:spPr>
            <a:xfrm>
              <a:off x="1836052" y="3214903"/>
              <a:ext cx="85661" cy="44885"/>
            </a:xfrm>
            <a:custGeom>
              <a:avLst/>
              <a:gdLst/>
              <a:ahLst/>
              <a:cxnLst/>
              <a:rect l="l" t="t" r="r" b="b"/>
              <a:pathLst>
                <a:path w="1418" h="743" extrusionOk="0">
                  <a:moveTo>
                    <a:pt x="709" y="1"/>
                  </a:moveTo>
                  <a:lnTo>
                    <a:pt x="1" y="742"/>
                  </a:lnTo>
                  <a:lnTo>
                    <a:pt x="1418" y="742"/>
                  </a:lnTo>
                  <a:lnTo>
                    <a:pt x="709"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2" name="Google Shape;262;p24"/>
            <p:cNvSpPr/>
            <p:nvPr/>
          </p:nvSpPr>
          <p:spPr>
            <a:xfrm>
              <a:off x="1437534" y="3313853"/>
              <a:ext cx="178753" cy="13894"/>
            </a:xfrm>
            <a:custGeom>
              <a:avLst/>
              <a:gdLst/>
              <a:ahLst/>
              <a:cxnLst/>
              <a:rect l="l" t="t" r="r" b="b"/>
              <a:pathLst>
                <a:path w="2959" h="230" extrusionOk="0">
                  <a:moveTo>
                    <a:pt x="1" y="0"/>
                  </a:moveTo>
                  <a:lnTo>
                    <a:pt x="1" y="230"/>
                  </a:lnTo>
                  <a:lnTo>
                    <a:pt x="2958" y="230"/>
                  </a:lnTo>
                  <a:lnTo>
                    <a:pt x="2958"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3" name="Google Shape;263;p24"/>
            <p:cNvSpPr/>
            <p:nvPr/>
          </p:nvSpPr>
          <p:spPr>
            <a:xfrm>
              <a:off x="1437534" y="3346897"/>
              <a:ext cx="178753" cy="13955"/>
            </a:xfrm>
            <a:custGeom>
              <a:avLst/>
              <a:gdLst/>
              <a:ahLst/>
              <a:cxnLst/>
              <a:rect l="l" t="t" r="r" b="b"/>
              <a:pathLst>
                <a:path w="2959" h="231" extrusionOk="0">
                  <a:moveTo>
                    <a:pt x="1" y="0"/>
                  </a:moveTo>
                  <a:lnTo>
                    <a:pt x="1" y="231"/>
                  </a:lnTo>
                  <a:lnTo>
                    <a:pt x="2958" y="231"/>
                  </a:lnTo>
                  <a:lnTo>
                    <a:pt x="2958"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4" name="Google Shape;264;p24"/>
            <p:cNvSpPr/>
            <p:nvPr/>
          </p:nvSpPr>
          <p:spPr>
            <a:xfrm>
              <a:off x="1437534" y="3379940"/>
              <a:ext cx="178753" cy="13955"/>
            </a:xfrm>
            <a:custGeom>
              <a:avLst/>
              <a:gdLst/>
              <a:ahLst/>
              <a:cxnLst/>
              <a:rect l="l" t="t" r="r" b="b"/>
              <a:pathLst>
                <a:path w="2959" h="231" extrusionOk="0">
                  <a:moveTo>
                    <a:pt x="1" y="1"/>
                  </a:moveTo>
                  <a:lnTo>
                    <a:pt x="1" y="230"/>
                  </a:lnTo>
                  <a:lnTo>
                    <a:pt x="2958" y="230"/>
                  </a:lnTo>
                  <a:lnTo>
                    <a:pt x="2958"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5" name="Google Shape;265;p24"/>
            <p:cNvSpPr/>
            <p:nvPr/>
          </p:nvSpPr>
          <p:spPr>
            <a:xfrm>
              <a:off x="1437534" y="3413045"/>
              <a:ext cx="77385" cy="13955"/>
            </a:xfrm>
            <a:custGeom>
              <a:avLst/>
              <a:gdLst/>
              <a:ahLst/>
              <a:cxnLst/>
              <a:rect l="l" t="t" r="r" b="b"/>
              <a:pathLst>
                <a:path w="1281" h="231" extrusionOk="0">
                  <a:moveTo>
                    <a:pt x="1" y="1"/>
                  </a:moveTo>
                  <a:lnTo>
                    <a:pt x="1" y="230"/>
                  </a:lnTo>
                  <a:lnTo>
                    <a:pt x="1280" y="230"/>
                  </a:lnTo>
                  <a:lnTo>
                    <a:pt x="1280"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6" name="Google Shape;266;p24"/>
            <p:cNvSpPr/>
            <p:nvPr/>
          </p:nvSpPr>
          <p:spPr>
            <a:xfrm>
              <a:off x="1782772" y="3377645"/>
              <a:ext cx="49355" cy="49355"/>
            </a:xfrm>
            <a:custGeom>
              <a:avLst/>
              <a:gdLst/>
              <a:ahLst/>
              <a:cxnLst/>
              <a:rect l="l" t="t" r="r" b="b"/>
              <a:pathLst>
                <a:path w="817" h="817" extrusionOk="0">
                  <a:moveTo>
                    <a:pt x="1" y="1"/>
                  </a:moveTo>
                  <a:lnTo>
                    <a:pt x="1" y="816"/>
                  </a:lnTo>
                  <a:lnTo>
                    <a:pt x="817" y="816"/>
                  </a:lnTo>
                  <a:lnTo>
                    <a:pt x="817"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7" name="Google Shape;267;p24"/>
            <p:cNvSpPr/>
            <p:nvPr/>
          </p:nvSpPr>
          <p:spPr>
            <a:xfrm>
              <a:off x="1710523" y="3377645"/>
              <a:ext cx="49355" cy="49355"/>
            </a:xfrm>
            <a:custGeom>
              <a:avLst/>
              <a:gdLst/>
              <a:ahLst/>
              <a:cxnLst/>
              <a:rect l="l" t="t" r="r" b="b"/>
              <a:pathLst>
                <a:path w="817" h="817" extrusionOk="0">
                  <a:moveTo>
                    <a:pt x="1" y="1"/>
                  </a:moveTo>
                  <a:lnTo>
                    <a:pt x="1" y="816"/>
                  </a:lnTo>
                  <a:lnTo>
                    <a:pt x="817" y="816"/>
                  </a:lnTo>
                  <a:lnTo>
                    <a:pt x="817"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8" name="Google Shape;268;p24"/>
            <p:cNvSpPr/>
            <p:nvPr/>
          </p:nvSpPr>
          <p:spPr>
            <a:xfrm>
              <a:off x="1854236" y="3377645"/>
              <a:ext cx="49295" cy="49355"/>
            </a:xfrm>
            <a:custGeom>
              <a:avLst/>
              <a:gdLst/>
              <a:ahLst/>
              <a:cxnLst/>
              <a:rect l="l" t="t" r="r" b="b"/>
              <a:pathLst>
                <a:path w="816" h="817" extrusionOk="0">
                  <a:moveTo>
                    <a:pt x="0" y="1"/>
                  </a:moveTo>
                  <a:lnTo>
                    <a:pt x="0" y="816"/>
                  </a:lnTo>
                  <a:lnTo>
                    <a:pt x="815" y="816"/>
                  </a:lnTo>
                  <a:lnTo>
                    <a:pt x="81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9" name="Google Shape;269;p24"/>
            <p:cNvSpPr/>
            <p:nvPr/>
          </p:nvSpPr>
          <p:spPr>
            <a:xfrm>
              <a:off x="1925639" y="3377645"/>
              <a:ext cx="49295" cy="49355"/>
            </a:xfrm>
            <a:custGeom>
              <a:avLst/>
              <a:gdLst/>
              <a:ahLst/>
              <a:cxnLst/>
              <a:rect l="l" t="t" r="r" b="b"/>
              <a:pathLst>
                <a:path w="816" h="817" extrusionOk="0">
                  <a:moveTo>
                    <a:pt x="1" y="1"/>
                  </a:moveTo>
                  <a:lnTo>
                    <a:pt x="1" y="816"/>
                  </a:lnTo>
                  <a:lnTo>
                    <a:pt x="816" y="816"/>
                  </a:lnTo>
                  <a:lnTo>
                    <a:pt x="816"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0" name="Google Shape;270;p24"/>
            <p:cNvSpPr/>
            <p:nvPr/>
          </p:nvSpPr>
          <p:spPr>
            <a:xfrm>
              <a:off x="1811164" y="2916181"/>
              <a:ext cx="145165" cy="43858"/>
            </a:xfrm>
            <a:custGeom>
              <a:avLst/>
              <a:gdLst/>
              <a:ahLst/>
              <a:cxnLst/>
              <a:rect l="l" t="t" r="r" b="b"/>
              <a:pathLst>
                <a:path w="2403" h="726" extrusionOk="0">
                  <a:moveTo>
                    <a:pt x="0" y="1"/>
                  </a:moveTo>
                  <a:lnTo>
                    <a:pt x="0" y="725"/>
                  </a:lnTo>
                  <a:lnTo>
                    <a:pt x="2403" y="725"/>
                  </a:lnTo>
                  <a:lnTo>
                    <a:pt x="240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1" name="Google Shape;271;p24"/>
            <p:cNvSpPr/>
            <p:nvPr/>
          </p:nvSpPr>
          <p:spPr>
            <a:xfrm>
              <a:off x="1407632" y="2853295"/>
              <a:ext cx="589239" cy="12022"/>
            </a:xfrm>
            <a:custGeom>
              <a:avLst/>
              <a:gdLst/>
              <a:ahLst/>
              <a:cxnLst/>
              <a:rect l="l" t="t" r="r" b="b"/>
              <a:pathLst>
                <a:path w="9754" h="199" extrusionOk="0">
                  <a:moveTo>
                    <a:pt x="1" y="1"/>
                  </a:moveTo>
                  <a:lnTo>
                    <a:pt x="1" y="198"/>
                  </a:lnTo>
                  <a:lnTo>
                    <a:pt x="9753" y="198"/>
                  </a:lnTo>
                  <a:lnTo>
                    <a:pt x="9753"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2" name="Google Shape;272;p24"/>
            <p:cNvSpPr/>
            <p:nvPr/>
          </p:nvSpPr>
          <p:spPr>
            <a:xfrm>
              <a:off x="1666182" y="2853295"/>
              <a:ext cx="72130" cy="270758"/>
            </a:xfrm>
            <a:custGeom>
              <a:avLst/>
              <a:gdLst/>
              <a:ahLst/>
              <a:cxnLst/>
              <a:rect l="l" t="t" r="r" b="b"/>
              <a:pathLst>
                <a:path w="1194" h="4482" extrusionOk="0">
                  <a:moveTo>
                    <a:pt x="0" y="1"/>
                  </a:moveTo>
                  <a:lnTo>
                    <a:pt x="0" y="4482"/>
                  </a:lnTo>
                  <a:lnTo>
                    <a:pt x="1194" y="4482"/>
                  </a:lnTo>
                  <a:lnTo>
                    <a:pt x="1194"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3" name="Google Shape;273;p24"/>
            <p:cNvSpPr/>
            <p:nvPr/>
          </p:nvSpPr>
          <p:spPr>
            <a:xfrm>
              <a:off x="2338655" y="2861632"/>
              <a:ext cx="589239" cy="16673"/>
            </a:xfrm>
            <a:custGeom>
              <a:avLst/>
              <a:gdLst/>
              <a:ahLst/>
              <a:cxnLst/>
              <a:rect l="l" t="t" r="r" b="b"/>
              <a:pathLst>
                <a:path w="9754" h="276" extrusionOk="0">
                  <a:moveTo>
                    <a:pt x="1" y="0"/>
                  </a:moveTo>
                  <a:lnTo>
                    <a:pt x="1" y="275"/>
                  </a:lnTo>
                  <a:lnTo>
                    <a:pt x="9754" y="275"/>
                  </a:lnTo>
                  <a:lnTo>
                    <a:pt x="9754"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4" name="Google Shape;274;p24"/>
            <p:cNvSpPr/>
            <p:nvPr/>
          </p:nvSpPr>
          <p:spPr>
            <a:xfrm>
              <a:off x="2338655" y="2876190"/>
              <a:ext cx="589239" cy="589179"/>
            </a:xfrm>
            <a:custGeom>
              <a:avLst/>
              <a:gdLst/>
              <a:ahLst/>
              <a:cxnLst/>
              <a:rect l="l" t="t" r="r" b="b"/>
              <a:pathLst>
                <a:path w="9754" h="9753" extrusionOk="0">
                  <a:moveTo>
                    <a:pt x="1" y="0"/>
                  </a:moveTo>
                  <a:lnTo>
                    <a:pt x="1" y="9753"/>
                  </a:lnTo>
                  <a:lnTo>
                    <a:pt x="9754" y="9753"/>
                  </a:lnTo>
                  <a:lnTo>
                    <a:pt x="9754"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5" name="Google Shape;275;p24"/>
            <p:cNvSpPr/>
            <p:nvPr/>
          </p:nvSpPr>
          <p:spPr>
            <a:xfrm>
              <a:off x="2788037" y="3249820"/>
              <a:ext cx="43737" cy="97139"/>
            </a:xfrm>
            <a:custGeom>
              <a:avLst/>
              <a:gdLst/>
              <a:ahLst/>
              <a:cxnLst/>
              <a:rect l="l" t="t" r="r" b="b"/>
              <a:pathLst>
                <a:path w="724" h="1608" extrusionOk="0">
                  <a:moveTo>
                    <a:pt x="0" y="1"/>
                  </a:moveTo>
                  <a:lnTo>
                    <a:pt x="0" y="1607"/>
                  </a:lnTo>
                  <a:lnTo>
                    <a:pt x="724" y="1607"/>
                  </a:lnTo>
                  <a:lnTo>
                    <a:pt x="72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6" name="Google Shape;276;p24"/>
            <p:cNvSpPr/>
            <p:nvPr/>
          </p:nvSpPr>
          <p:spPr>
            <a:xfrm>
              <a:off x="2767075" y="3214903"/>
              <a:ext cx="85601" cy="44885"/>
            </a:xfrm>
            <a:custGeom>
              <a:avLst/>
              <a:gdLst/>
              <a:ahLst/>
              <a:cxnLst/>
              <a:rect l="l" t="t" r="r" b="b"/>
              <a:pathLst>
                <a:path w="1417" h="743" extrusionOk="0">
                  <a:moveTo>
                    <a:pt x="709" y="1"/>
                  </a:moveTo>
                  <a:lnTo>
                    <a:pt x="1" y="742"/>
                  </a:lnTo>
                  <a:lnTo>
                    <a:pt x="1417" y="742"/>
                  </a:lnTo>
                  <a:lnTo>
                    <a:pt x="709"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7" name="Google Shape;277;p24"/>
            <p:cNvSpPr/>
            <p:nvPr/>
          </p:nvSpPr>
          <p:spPr>
            <a:xfrm>
              <a:off x="2368557" y="3313853"/>
              <a:ext cx="178753" cy="13894"/>
            </a:xfrm>
            <a:custGeom>
              <a:avLst/>
              <a:gdLst/>
              <a:ahLst/>
              <a:cxnLst/>
              <a:rect l="l" t="t" r="r" b="b"/>
              <a:pathLst>
                <a:path w="2959" h="230" extrusionOk="0">
                  <a:moveTo>
                    <a:pt x="1" y="0"/>
                  </a:moveTo>
                  <a:lnTo>
                    <a:pt x="1" y="230"/>
                  </a:lnTo>
                  <a:lnTo>
                    <a:pt x="2958" y="230"/>
                  </a:lnTo>
                  <a:lnTo>
                    <a:pt x="2958"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8" name="Google Shape;278;p24"/>
            <p:cNvSpPr/>
            <p:nvPr/>
          </p:nvSpPr>
          <p:spPr>
            <a:xfrm>
              <a:off x="2368557" y="3346897"/>
              <a:ext cx="178753" cy="13955"/>
            </a:xfrm>
            <a:custGeom>
              <a:avLst/>
              <a:gdLst/>
              <a:ahLst/>
              <a:cxnLst/>
              <a:rect l="l" t="t" r="r" b="b"/>
              <a:pathLst>
                <a:path w="2959" h="231" extrusionOk="0">
                  <a:moveTo>
                    <a:pt x="1" y="0"/>
                  </a:moveTo>
                  <a:lnTo>
                    <a:pt x="1" y="231"/>
                  </a:lnTo>
                  <a:lnTo>
                    <a:pt x="2958" y="231"/>
                  </a:lnTo>
                  <a:lnTo>
                    <a:pt x="2958"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9" name="Google Shape;279;p24"/>
            <p:cNvSpPr/>
            <p:nvPr/>
          </p:nvSpPr>
          <p:spPr>
            <a:xfrm>
              <a:off x="2368557" y="3379940"/>
              <a:ext cx="178753" cy="13955"/>
            </a:xfrm>
            <a:custGeom>
              <a:avLst/>
              <a:gdLst/>
              <a:ahLst/>
              <a:cxnLst/>
              <a:rect l="l" t="t" r="r" b="b"/>
              <a:pathLst>
                <a:path w="2959" h="231" extrusionOk="0">
                  <a:moveTo>
                    <a:pt x="1" y="1"/>
                  </a:moveTo>
                  <a:lnTo>
                    <a:pt x="1" y="230"/>
                  </a:lnTo>
                  <a:lnTo>
                    <a:pt x="2958" y="230"/>
                  </a:lnTo>
                  <a:lnTo>
                    <a:pt x="2958"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0" name="Google Shape;280;p24"/>
            <p:cNvSpPr/>
            <p:nvPr/>
          </p:nvSpPr>
          <p:spPr>
            <a:xfrm>
              <a:off x="2368557" y="3413045"/>
              <a:ext cx="77385" cy="13955"/>
            </a:xfrm>
            <a:custGeom>
              <a:avLst/>
              <a:gdLst/>
              <a:ahLst/>
              <a:cxnLst/>
              <a:rect l="l" t="t" r="r" b="b"/>
              <a:pathLst>
                <a:path w="1281" h="231" extrusionOk="0">
                  <a:moveTo>
                    <a:pt x="1" y="1"/>
                  </a:moveTo>
                  <a:lnTo>
                    <a:pt x="1" y="230"/>
                  </a:lnTo>
                  <a:lnTo>
                    <a:pt x="1281" y="230"/>
                  </a:lnTo>
                  <a:lnTo>
                    <a:pt x="1281"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1" name="Google Shape;281;p24"/>
            <p:cNvSpPr/>
            <p:nvPr/>
          </p:nvSpPr>
          <p:spPr>
            <a:xfrm>
              <a:off x="2713855" y="3377645"/>
              <a:ext cx="49234" cy="49355"/>
            </a:xfrm>
            <a:custGeom>
              <a:avLst/>
              <a:gdLst/>
              <a:ahLst/>
              <a:cxnLst/>
              <a:rect l="l" t="t" r="r" b="b"/>
              <a:pathLst>
                <a:path w="815" h="817" extrusionOk="0">
                  <a:moveTo>
                    <a:pt x="0" y="1"/>
                  </a:moveTo>
                  <a:lnTo>
                    <a:pt x="0" y="816"/>
                  </a:lnTo>
                  <a:lnTo>
                    <a:pt x="815" y="816"/>
                  </a:lnTo>
                  <a:lnTo>
                    <a:pt x="81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2" name="Google Shape;282;p24"/>
            <p:cNvSpPr/>
            <p:nvPr/>
          </p:nvSpPr>
          <p:spPr>
            <a:xfrm>
              <a:off x="2641606" y="3377645"/>
              <a:ext cx="49295" cy="49355"/>
            </a:xfrm>
            <a:custGeom>
              <a:avLst/>
              <a:gdLst/>
              <a:ahLst/>
              <a:cxnLst/>
              <a:rect l="l" t="t" r="r" b="b"/>
              <a:pathLst>
                <a:path w="816" h="817" extrusionOk="0">
                  <a:moveTo>
                    <a:pt x="0" y="1"/>
                  </a:moveTo>
                  <a:lnTo>
                    <a:pt x="0" y="816"/>
                  </a:lnTo>
                  <a:lnTo>
                    <a:pt x="816" y="816"/>
                  </a:lnTo>
                  <a:lnTo>
                    <a:pt x="816"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3" name="Google Shape;283;p24"/>
            <p:cNvSpPr/>
            <p:nvPr/>
          </p:nvSpPr>
          <p:spPr>
            <a:xfrm>
              <a:off x="2785259" y="3377645"/>
              <a:ext cx="49295" cy="49355"/>
            </a:xfrm>
            <a:custGeom>
              <a:avLst/>
              <a:gdLst/>
              <a:ahLst/>
              <a:cxnLst/>
              <a:rect l="l" t="t" r="r" b="b"/>
              <a:pathLst>
                <a:path w="816" h="817" extrusionOk="0">
                  <a:moveTo>
                    <a:pt x="1" y="1"/>
                  </a:moveTo>
                  <a:lnTo>
                    <a:pt x="1" y="816"/>
                  </a:lnTo>
                  <a:lnTo>
                    <a:pt x="815" y="816"/>
                  </a:lnTo>
                  <a:lnTo>
                    <a:pt x="81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4" name="Google Shape;284;p24"/>
            <p:cNvSpPr/>
            <p:nvPr/>
          </p:nvSpPr>
          <p:spPr>
            <a:xfrm>
              <a:off x="2856662" y="3377645"/>
              <a:ext cx="49295" cy="49355"/>
            </a:xfrm>
            <a:custGeom>
              <a:avLst/>
              <a:gdLst/>
              <a:ahLst/>
              <a:cxnLst/>
              <a:rect l="l" t="t" r="r" b="b"/>
              <a:pathLst>
                <a:path w="816" h="817" extrusionOk="0">
                  <a:moveTo>
                    <a:pt x="0" y="1"/>
                  </a:moveTo>
                  <a:lnTo>
                    <a:pt x="0" y="816"/>
                  </a:lnTo>
                  <a:lnTo>
                    <a:pt x="816" y="816"/>
                  </a:lnTo>
                  <a:lnTo>
                    <a:pt x="816"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5" name="Google Shape;285;p24"/>
            <p:cNvSpPr/>
            <p:nvPr/>
          </p:nvSpPr>
          <p:spPr>
            <a:xfrm>
              <a:off x="2742187" y="2916181"/>
              <a:ext cx="145165" cy="43858"/>
            </a:xfrm>
            <a:custGeom>
              <a:avLst/>
              <a:gdLst/>
              <a:ahLst/>
              <a:cxnLst/>
              <a:rect l="l" t="t" r="r" b="b"/>
              <a:pathLst>
                <a:path w="2403" h="726" extrusionOk="0">
                  <a:moveTo>
                    <a:pt x="0" y="1"/>
                  </a:moveTo>
                  <a:lnTo>
                    <a:pt x="0" y="725"/>
                  </a:lnTo>
                  <a:lnTo>
                    <a:pt x="2403" y="725"/>
                  </a:lnTo>
                  <a:lnTo>
                    <a:pt x="240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6" name="Google Shape;286;p24"/>
            <p:cNvSpPr/>
            <p:nvPr/>
          </p:nvSpPr>
          <p:spPr>
            <a:xfrm>
              <a:off x="2338655" y="2853295"/>
              <a:ext cx="589239" cy="12022"/>
            </a:xfrm>
            <a:custGeom>
              <a:avLst/>
              <a:gdLst/>
              <a:ahLst/>
              <a:cxnLst/>
              <a:rect l="l" t="t" r="r" b="b"/>
              <a:pathLst>
                <a:path w="9754" h="199" extrusionOk="0">
                  <a:moveTo>
                    <a:pt x="1" y="1"/>
                  </a:moveTo>
                  <a:lnTo>
                    <a:pt x="1" y="198"/>
                  </a:lnTo>
                  <a:lnTo>
                    <a:pt x="9754" y="198"/>
                  </a:lnTo>
                  <a:lnTo>
                    <a:pt x="9754"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7" name="Google Shape;287;p24"/>
            <p:cNvSpPr/>
            <p:nvPr/>
          </p:nvSpPr>
          <p:spPr>
            <a:xfrm>
              <a:off x="2597205" y="2853295"/>
              <a:ext cx="72190" cy="270758"/>
            </a:xfrm>
            <a:custGeom>
              <a:avLst/>
              <a:gdLst/>
              <a:ahLst/>
              <a:cxnLst/>
              <a:rect l="l" t="t" r="r" b="b"/>
              <a:pathLst>
                <a:path w="1195" h="4482" extrusionOk="0">
                  <a:moveTo>
                    <a:pt x="0" y="1"/>
                  </a:moveTo>
                  <a:lnTo>
                    <a:pt x="0" y="4482"/>
                  </a:lnTo>
                  <a:lnTo>
                    <a:pt x="1194" y="4482"/>
                  </a:lnTo>
                  <a:lnTo>
                    <a:pt x="1194"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8" name="Google Shape;288;p24"/>
            <p:cNvSpPr/>
            <p:nvPr/>
          </p:nvSpPr>
          <p:spPr>
            <a:xfrm>
              <a:off x="2139728" y="2616311"/>
              <a:ext cx="183344" cy="503880"/>
            </a:xfrm>
            <a:custGeom>
              <a:avLst/>
              <a:gdLst/>
              <a:ahLst/>
              <a:cxnLst/>
              <a:rect l="l" t="t" r="r" b="b"/>
              <a:pathLst>
                <a:path w="3035" h="8341" extrusionOk="0">
                  <a:moveTo>
                    <a:pt x="2954" y="0"/>
                  </a:moveTo>
                  <a:lnTo>
                    <a:pt x="2122" y="539"/>
                  </a:lnTo>
                  <a:cubicBezTo>
                    <a:pt x="1671" y="830"/>
                    <a:pt x="1361" y="1298"/>
                    <a:pt x="1276" y="1829"/>
                  </a:cubicBezTo>
                  <a:cubicBezTo>
                    <a:pt x="1143" y="2665"/>
                    <a:pt x="840" y="4062"/>
                    <a:pt x="173" y="5591"/>
                  </a:cubicBezTo>
                  <a:cubicBezTo>
                    <a:pt x="52" y="5870"/>
                    <a:pt x="0" y="6174"/>
                    <a:pt x="22" y="6477"/>
                  </a:cubicBezTo>
                  <a:lnTo>
                    <a:pt x="152" y="8341"/>
                  </a:lnTo>
                  <a:lnTo>
                    <a:pt x="1759" y="6491"/>
                  </a:lnTo>
                  <a:lnTo>
                    <a:pt x="2799" y="3216"/>
                  </a:lnTo>
                  <a:cubicBezTo>
                    <a:pt x="2799" y="3216"/>
                    <a:pt x="2988" y="1120"/>
                    <a:pt x="3012" y="827"/>
                  </a:cubicBezTo>
                  <a:cubicBezTo>
                    <a:pt x="3034" y="535"/>
                    <a:pt x="2954" y="0"/>
                    <a:pt x="295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9" name="Google Shape;289;p24"/>
            <p:cNvSpPr/>
            <p:nvPr/>
          </p:nvSpPr>
          <p:spPr>
            <a:xfrm>
              <a:off x="2146494" y="2616311"/>
              <a:ext cx="176578" cy="503880"/>
            </a:xfrm>
            <a:custGeom>
              <a:avLst/>
              <a:gdLst/>
              <a:ahLst/>
              <a:cxnLst/>
              <a:rect l="l" t="t" r="r" b="b"/>
              <a:pathLst>
                <a:path w="2923" h="8341" extrusionOk="0">
                  <a:moveTo>
                    <a:pt x="2842" y="0"/>
                  </a:moveTo>
                  <a:lnTo>
                    <a:pt x="2202" y="414"/>
                  </a:lnTo>
                  <a:cubicBezTo>
                    <a:pt x="2169" y="3027"/>
                    <a:pt x="1402" y="5572"/>
                    <a:pt x="0" y="7764"/>
                  </a:cubicBezTo>
                  <a:lnTo>
                    <a:pt x="40" y="8341"/>
                  </a:lnTo>
                  <a:lnTo>
                    <a:pt x="1646" y="6492"/>
                  </a:lnTo>
                  <a:lnTo>
                    <a:pt x="2687" y="3216"/>
                  </a:lnTo>
                  <a:cubicBezTo>
                    <a:pt x="2687" y="3216"/>
                    <a:pt x="2876" y="1120"/>
                    <a:pt x="2900" y="828"/>
                  </a:cubicBezTo>
                  <a:cubicBezTo>
                    <a:pt x="2922" y="535"/>
                    <a:pt x="2842" y="0"/>
                    <a:pt x="2842"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0" name="Google Shape;290;p24"/>
            <p:cNvSpPr/>
            <p:nvPr/>
          </p:nvSpPr>
          <p:spPr>
            <a:xfrm>
              <a:off x="1081847" y="2616371"/>
              <a:ext cx="183284" cy="503940"/>
            </a:xfrm>
            <a:custGeom>
              <a:avLst/>
              <a:gdLst/>
              <a:ahLst/>
              <a:cxnLst/>
              <a:rect l="l" t="t" r="r" b="b"/>
              <a:pathLst>
                <a:path w="3034" h="8342" extrusionOk="0">
                  <a:moveTo>
                    <a:pt x="81" y="0"/>
                  </a:moveTo>
                  <a:cubicBezTo>
                    <a:pt x="81" y="0"/>
                    <a:pt x="1" y="536"/>
                    <a:pt x="24" y="828"/>
                  </a:cubicBezTo>
                  <a:cubicBezTo>
                    <a:pt x="46" y="1121"/>
                    <a:pt x="237" y="3216"/>
                    <a:pt x="237" y="3216"/>
                  </a:cubicBezTo>
                  <a:lnTo>
                    <a:pt x="1276" y="6492"/>
                  </a:lnTo>
                  <a:lnTo>
                    <a:pt x="2883" y="8342"/>
                  </a:lnTo>
                  <a:lnTo>
                    <a:pt x="3013" y="6478"/>
                  </a:lnTo>
                  <a:cubicBezTo>
                    <a:pt x="3034" y="6175"/>
                    <a:pt x="2983" y="5870"/>
                    <a:pt x="2862" y="5592"/>
                  </a:cubicBezTo>
                  <a:cubicBezTo>
                    <a:pt x="2195" y="4063"/>
                    <a:pt x="1893" y="2665"/>
                    <a:pt x="1758" y="1829"/>
                  </a:cubicBezTo>
                  <a:cubicBezTo>
                    <a:pt x="1674" y="1298"/>
                    <a:pt x="1364" y="831"/>
                    <a:pt x="914" y="540"/>
                  </a:cubicBezTo>
                  <a:lnTo>
                    <a:pt x="81"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1" name="Google Shape;291;p24"/>
            <p:cNvSpPr/>
            <p:nvPr/>
          </p:nvSpPr>
          <p:spPr>
            <a:xfrm>
              <a:off x="1081847" y="2616371"/>
              <a:ext cx="176639" cy="503880"/>
            </a:xfrm>
            <a:custGeom>
              <a:avLst/>
              <a:gdLst/>
              <a:ahLst/>
              <a:cxnLst/>
              <a:rect l="l" t="t" r="r" b="b"/>
              <a:pathLst>
                <a:path w="2924" h="8341" extrusionOk="0">
                  <a:moveTo>
                    <a:pt x="81" y="0"/>
                  </a:moveTo>
                  <a:cubicBezTo>
                    <a:pt x="81" y="0"/>
                    <a:pt x="1" y="536"/>
                    <a:pt x="24" y="828"/>
                  </a:cubicBezTo>
                  <a:cubicBezTo>
                    <a:pt x="46" y="1120"/>
                    <a:pt x="237" y="3216"/>
                    <a:pt x="237" y="3216"/>
                  </a:cubicBezTo>
                  <a:lnTo>
                    <a:pt x="1276" y="6492"/>
                  </a:lnTo>
                  <a:lnTo>
                    <a:pt x="2883" y="8341"/>
                  </a:lnTo>
                  <a:lnTo>
                    <a:pt x="2923" y="7764"/>
                  </a:lnTo>
                  <a:cubicBezTo>
                    <a:pt x="1521" y="5572"/>
                    <a:pt x="753" y="3027"/>
                    <a:pt x="720" y="414"/>
                  </a:cubicBezTo>
                  <a:lnTo>
                    <a:pt x="81"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2" name="Google Shape;292;p24"/>
            <p:cNvSpPr/>
            <p:nvPr/>
          </p:nvSpPr>
          <p:spPr>
            <a:xfrm>
              <a:off x="1030620" y="2344591"/>
              <a:ext cx="145588" cy="194822"/>
            </a:xfrm>
            <a:custGeom>
              <a:avLst/>
              <a:gdLst/>
              <a:ahLst/>
              <a:cxnLst/>
              <a:rect l="l" t="t" r="r" b="b"/>
              <a:pathLst>
                <a:path w="2410" h="3225" extrusionOk="0">
                  <a:moveTo>
                    <a:pt x="1755" y="0"/>
                  </a:moveTo>
                  <a:cubicBezTo>
                    <a:pt x="1549" y="0"/>
                    <a:pt x="1350" y="112"/>
                    <a:pt x="1247" y="306"/>
                  </a:cubicBezTo>
                  <a:lnTo>
                    <a:pt x="149" y="2382"/>
                  </a:lnTo>
                  <a:cubicBezTo>
                    <a:pt x="0" y="2663"/>
                    <a:pt x="108" y="3011"/>
                    <a:pt x="388" y="3158"/>
                  </a:cubicBezTo>
                  <a:cubicBezTo>
                    <a:pt x="473" y="3204"/>
                    <a:pt x="565" y="3225"/>
                    <a:pt x="656" y="3225"/>
                  </a:cubicBezTo>
                  <a:cubicBezTo>
                    <a:pt x="862" y="3225"/>
                    <a:pt x="1061" y="3114"/>
                    <a:pt x="1164" y="2920"/>
                  </a:cubicBezTo>
                  <a:lnTo>
                    <a:pt x="2262" y="843"/>
                  </a:lnTo>
                  <a:cubicBezTo>
                    <a:pt x="2410" y="563"/>
                    <a:pt x="2302" y="215"/>
                    <a:pt x="2022" y="67"/>
                  </a:cubicBezTo>
                  <a:cubicBezTo>
                    <a:pt x="1937" y="22"/>
                    <a:pt x="1845" y="0"/>
                    <a:pt x="1755"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3" name="Google Shape;293;p24"/>
            <p:cNvSpPr/>
            <p:nvPr/>
          </p:nvSpPr>
          <p:spPr>
            <a:xfrm>
              <a:off x="2227503" y="2344591"/>
              <a:ext cx="145649" cy="194822"/>
            </a:xfrm>
            <a:custGeom>
              <a:avLst/>
              <a:gdLst/>
              <a:ahLst/>
              <a:cxnLst/>
              <a:rect l="l" t="t" r="r" b="b"/>
              <a:pathLst>
                <a:path w="2411" h="3225" extrusionOk="0">
                  <a:moveTo>
                    <a:pt x="655" y="0"/>
                  </a:moveTo>
                  <a:cubicBezTo>
                    <a:pt x="565" y="0"/>
                    <a:pt x="474" y="22"/>
                    <a:pt x="388" y="67"/>
                  </a:cubicBezTo>
                  <a:cubicBezTo>
                    <a:pt x="108" y="215"/>
                    <a:pt x="1" y="563"/>
                    <a:pt x="149" y="843"/>
                  </a:cubicBezTo>
                  <a:lnTo>
                    <a:pt x="1247" y="2920"/>
                  </a:lnTo>
                  <a:cubicBezTo>
                    <a:pt x="1350" y="3114"/>
                    <a:pt x="1549" y="3225"/>
                    <a:pt x="1755" y="3225"/>
                  </a:cubicBezTo>
                  <a:cubicBezTo>
                    <a:pt x="1845" y="3225"/>
                    <a:pt x="1937" y="3204"/>
                    <a:pt x="2023" y="3158"/>
                  </a:cubicBezTo>
                  <a:cubicBezTo>
                    <a:pt x="2303" y="3011"/>
                    <a:pt x="2410" y="2663"/>
                    <a:pt x="2261" y="2382"/>
                  </a:cubicBezTo>
                  <a:lnTo>
                    <a:pt x="1164" y="306"/>
                  </a:lnTo>
                  <a:cubicBezTo>
                    <a:pt x="1061" y="112"/>
                    <a:pt x="862" y="0"/>
                    <a:pt x="655"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4" name="Google Shape;294;p24"/>
            <p:cNvSpPr/>
            <p:nvPr/>
          </p:nvSpPr>
          <p:spPr>
            <a:xfrm>
              <a:off x="2083729" y="2474229"/>
              <a:ext cx="294438" cy="770711"/>
            </a:xfrm>
            <a:custGeom>
              <a:avLst/>
              <a:gdLst/>
              <a:ahLst/>
              <a:cxnLst/>
              <a:rect l="l" t="t" r="r" b="b"/>
              <a:pathLst>
                <a:path w="4874" h="12758" extrusionOk="0">
                  <a:moveTo>
                    <a:pt x="4180" y="0"/>
                  </a:moveTo>
                  <a:cubicBezTo>
                    <a:pt x="3935" y="0"/>
                    <a:pt x="3708" y="159"/>
                    <a:pt x="3633" y="406"/>
                  </a:cubicBezTo>
                  <a:lnTo>
                    <a:pt x="3685" y="2127"/>
                  </a:lnTo>
                  <a:cubicBezTo>
                    <a:pt x="3787" y="5427"/>
                    <a:pt x="2717" y="8657"/>
                    <a:pt x="664" y="11244"/>
                  </a:cubicBezTo>
                  <a:lnTo>
                    <a:pt x="183" y="11852"/>
                  </a:lnTo>
                  <a:cubicBezTo>
                    <a:pt x="9" y="12070"/>
                    <a:pt x="0" y="12396"/>
                    <a:pt x="200" y="12593"/>
                  </a:cubicBezTo>
                  <a:cubicBezTo>
                    <a:pt x="263" y="12656"/>
                    <a:pt x="342" y="12703"/>
                    <a:pt x="433" y="12732"/>
                  </a:cubicBezTo>
                  <a:cubicBezTo>
                    <a:pt x="489" y="12750"/>
                    <a:pt x="546" y="12758"/>
                    <a:pt x="602" y="12758"/>
                  </a:cubicBezTo>
                  <a:cubicBezTo>
                    <a:pt x="817" y="12758"/>
                    <a:pt x="1019" y="12636"/>
                    <a:pt x="1117" y="12440"/>
                  </a:cubicBezTo>
                  <a:cubicBezTo>
                    <a:pt x="1143" y="12384"/>
                    <a:pt x="1170" y="12328"/>
                    <a:pt x="1209" y="12280"/>
                  </a:cubicBezTo>
                  <a:lnTo>
                    <a:pt x="1732" y="11625"/>
                  </a:lnTo>
                  <a:cubicBezTo>
                    <a:pt x="3793" y="9042"/>
                    <a:pt x="4873" y="5812"/>
                    <a:pt x="4779" y="2507"/>
                  </a:cubicBezTo>
                  <a:lnTo>
                    <a:pt x="4729" y="744"/>
                  </a:lnTo>
                  <a:cubicBezTo>
                    <a:pt x="4822" y="441"/>
                    <a:pt x="4653" y="119"/>
                    <a:pt x="4350" y="26"/>
                  </a:cubicBezTo>
                  <a:cubicBezTo>
                    <a:pt x="4293" y="9"/>
                    <a:pt x="4236" y="0"/>
                    <a:pt x="4180"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5" name="Google Shape;295;p24"/>
            <p:cNvSpPr/>
            <p:nvPr/>
          </p:nvSpPr>
          <p:spPr>
            <a:xfrm>
              <a:off x="554899" y="926310"/>
              <a:ext cx="871112" cy="1475998"/>
            </a:xfrm>
            <a:custGeom>
              <a:avLst/>
              <a:gdLst/>
              <a:ahLst/>
              <a:cxnLst/>
              <a:rect l="l" t="t" r="r" b="b"/>
              <a:pathLst>
                <a:path w="14420" h="24433" extrusionOk="0">
                  <a:moveTo>
                    <a:pt x="15" y="0"/>
                  </a:moveTo>
                  <a:lnTo>
                    <a:pt x="15" y="0"/>
                  </a:lnTo>
                  <a:cubicBezTo>
                    <a:pt x="13" y="109"/>
                    <a:pt x="1" y="2664"/>
                    <a:pt x="1804" y="4492"/>
                  </a:cubicBezTo>
                  <a:cubicBezTo>
                    <a:pt x="2958" y="5661"/>
                    <a:pt x="4580" y="6253"/>
                    <a:pt x="6624" y="6253"/>
                  </a:cubicBezTo>
                  <a:cubicBezTo>
                    <a:pt x="7439" y="6253"/>
                    <a:pt x="8058" y="6261"/>
                    <a:pt x="8528" y="6273"/>
                  </a:cubicBezTo>
                  <a:lnTo>
                    <a:pt x="8523" y="6353"/>
                  </a:lnTo>
                  <a:cubicBezTo>
                    <a:pt x="8493" y="6873"/>
                    <a:pt x="7821" y="19149"/>
                    <a:pt x="11603" y="23158"/>
                  </a:cubicBezTo>
                  <a:cubicBezTo>
                    <a:pt x="12401" y="24004"/>
                    <a:pt x="13348" y="24433"/>
                    <a:pt x="14419" y="24433"/>
                  </a:cubicBezTo>
                  <a:lnTo>
                    <a:pt x="14419" y="23758"/>
                  </a:lnTo>
                  <a:cubicBezTo>
                    <a:pt x="13528" y="23758"/>
                    <a:pt x="12769" y="23409"/>
                    <a:pt x="12094" y="22695"/>
                  </a:cubicBezTo>
                  <a:cubicBezTo>
                    <a:pt x="8815" y="19219"/>
                    <a:pt x="9106" y="8551"/>
                    <a:pt x="9185" y="6675"/>
                  </a:cubicBezTo>
                  <a:cubicBezTo>
                    <a:pt x="10337" y="6532"/>
                    <a:pt x="10526" y="6397"/>
                    <a:pt x="10508" y="6081"/>
                  </a:cubicBezTo>
                  <a:cubicBezTo>
                    <a:pt x="10487" y="5704"/>
                    <a:pt x="10480" y="5578"/>
                    <a:pt x="6624" y="5578"/>
                  </a:cubicBezTo>
                  <a:cubicBezTo>
                    <a:pt x="4770" y="5578"/>
                    <a:pt x="3312" y="5055"/>
                    <a:pt x="2290" y="4023"/>
                  </a:cubicBezTo>
                  <a:cubicBezTo>
                    <a:pt x="684" y="2400"/>
                    <a:pt x="690" y="33"/>
                    <a:pt x="690" y="9"/>
                  </a:cubicBezTo>
                  <a:lnTo>
                    <a:pt x="15"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6" name="Google Shape;296;p24"/>
            <p:cNvSpPr/>
            <p:nvPr/>
          </p:nvSpPr>
          <p:spPr>
            <a:xfrm>
              <a:off x="2227321" y="2334382"/>
              <a:ext cx="68082" cy="68082"/>
            </a:xfrm>
            <a:custGeom>
              <a:avLst/>
              <a:gdLst/>
              <a:ahLst/>
              <a:cxnLst/>
              <a:rect l="l" t="t" r="r" b="b"/>
              <a:pathLst>
                <a:path w="1127" h="1127" extrusionOk="0">
                  <a:moveTo>
                    <a:pt x="1" y="1"/>
                  </a:moveTo>
                  <a:lnTo>
                    <a:pt x="1" y="1127"/>
                  </a:lnTo>
                  <a:lnTo>
                    <a:pt x="563" y="1127"/>
                  </a:lnTo>
                  <a:cubicBezTo>
                    <a:pt x="874" y="1127"/>
                    <a:pt x="1126" y="874"/>
                    <a:pt x="1126" y="563"/>
                  </a:cubicBezTo>
                  <a:cubicBezTo>
                    <a:pt x="1126" y="253"/>
                    <a:pt x="874" y="1"/>
                    <a:pt x="563" y="1"/>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7" name="Google Shape;297;p24"/>
            <p:cNvSpPr/>
            <p:nvPr/>
          </p:nvSpPr>
          <p:spPr>
            <a:xfrm>
              <a:off x="1971127" y="2316561"/>
              <a:ext cx="256259" cy="103784"/>
            </a:xfrm>
            <a:custGeom>
              <a:avLst/>
              <a:gdLst/>
              <a:ahLst/>
              <a:cxnLst/>
              <a:rect l="l" t="t" r="r" b="b"/>
              <a:pathLst>
                <a:path w="4242" h="1718" extrusionOk="0">
                  <a:moveTo>
                    <a:pt x="1" y="0"/>
                  </a:moveTo>
                  <a:lnTo>
                    <a:pt x="1" y="1717"/>
                  </a:lnTo>
                  <a:lnTo>
                    <a:pt x="4242" y="1717"/>
                  </a:lnTo>
                  <a:lnTo>
                    <a:pt x="4242"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8" name="Google Shape;298;p24"/>
            <p:cNvSpPr/>
            <p:nvPr/>
          </p:nvSpPr>
          <p:spPr>
            <a:xfrm>
              <a:off x="2227321" y="2334382"/>
              <a:ext cx="12384" cy="68082"/>
            </a:xfrm>
            <a:custGeom>
              <a:avLst/>
              <a:gdLst/>
              <a:ahLst/>
              <a:cxnLst/>
              <a:rect l="l" t="t" r="r" b="b"/>
              <a:pathLst>
                <a:path w="205" h="1127" extrusionOk="0">
                  <a:moveTo>
                    <a:pt x="1" y="1"/>
                  </a:moveTo>
                  <a:lnTo>
                    <a:pt x="1" y="1127"/>
                  </a:lnTo>
                  <a:lnTo>
                    <a:pt x="204" y="1127"/>
                  </a:lnTo>
                  <a:lnTo>
                    <a:pt x="204"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9" name="Google Shape;299;p24"/>
            <p:cNvSpPr/>
            <p:nvPr/>
          </p:nvSpPr>
          <p:spPr>
            <a:xfrm>
              <a:off x="125995" y="539451"/>
              <a:ext cx="5432759" cy="387161"/>
            </a:xfrm>
            <a:custGeom>
              <a:avLst/>
              <a:gdLst/>
              <a:ahLst/>
              <a:cxnLst/>
              <a:rect l="l" t="t" r="r" b="b"/>
              <a:pathLst>
                <a:path w="89933" h="6409" extrusionOk="0">
                  <a:moveTo>
                    <a:pt x="0" y="1"/>
                  </a:moveTo>
                  <a:lnTo>
                    <a:pt x="0" y="6409"/>
                  </a:lnTo>
                  <a:lnTo>
                    <a:pt x="89933" y="6409"/>
                  </a:lnTo>
                  <a:lnTo>
                    <a:pt x="89933"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0" name="Google Shape;300;p24"/>
            <p:cNvSpPr/>
            <p:nvPr/>
          </p:nvSpPr>
          <p:spPr>
            <a:xfrm>
              <a:off x="125995" y="619674"/>
              <a:ext cx="5432759" cy="226836"/>
            </a:xfrm>
            <a:custGeom>
              <a:avLst/>
              <a:gdLst/>
              <a:ahLst/>
              <a:cxnLst/>
              <a:rect l="l" t="t" r="r" b="b"/>
              <a:pathLst>
                <a:path w="89933" h="3755" extrusionOk="0">
                  <a:moveTo>
                    <a:pt x="0" y="0"/>
                  </a:moveTo>
                  <a:lnTo>
                    <a:pt x="0" y="3754"/>
                  </a:lnTo>
                  <a:lnTo>
                    <a:pt x="89933" y="3754"/>
                  </a:lnTo>
                  <a:lnTo>
                    <a:pt x="89933"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1" name="Google Shape;301;p24"/>
            <p:cNvSpPr/>
            <p:nvPr/>
          </p:nvSpPr>
          <p:spPr>
            <a:xfrm>
              <a:off x="990146" y="846449"/>
              <a:ext cx="57873" cy="80164"/>
            </a:xfrm>
            <a:custGeom>
              <a:avLst/>
              <a:gdLst/>
              <a:ahLst/>
              <a:cxnLst/>
              <a:rect l="l" t="t" r="r" b="b"/>
              <a:pathLst>
                <a:path w="958" h="1327" extrusionOk="0">
                  <a:moveTo>
                    <a:pt x="0" y="0"/>
                  </a:moveTo>
                  <a:lnTo>
                    <a:pt x="0" y="1327"/>
                  </a:lnTo>
                  <a:lnTo>
                    <a:pt x="958" y="1327"/>
                  </a:lnTo>
                  <a:lnTo>
                    <a:pt x="958"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2" name="Google Shape;302;p24"/>
            <p:cNvSpPr/>
            <p:nvPr/>
          </p:nvSpPr>
          <p:spPr>
            <a:xfrm>
              <a:off x="2358832" y="846449"/>
              <a:ext cx="57933" cy="80164"/>
            </a:xfrm>
            <a:custGeom>
              <a:avLst/>
              <a:gdLst/>
              <a:ahLst/>
              <a:cxnLst/>
              <a:rect l="l" t="t" r="r" b="b"/>
              <a:pathLst>
                <a:path w="959" h="1327" extrusionOk="0">
                  <a:moveTo>
                    <a:pt x="1" y="0"/>
                  </a:moveTo>
                  <a:lnTo>
                    <a:pt x="1" y="1327"/>
                  </a:lnTo>
                  <a:lnTo>
                    <a:pt x="959" y="1327"/>
                  </a:lnTo>
                  <a:lnTo>
                    <a:pt x="95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3" name="Google Shape;303;p24"/>
            <p:cNvSpPr/>
            <p:nvPr/>
          </p:nvSpPr>
          <p:spPr>
            <a:xfrm>
              <a:off x="2204185" y="622271"/>
              <a:ext cx="224242" cy="224242"/>
            </a:xfrm>
            <a:custGeom>
              <a:avLst/>
              <a:gdLst/>
              <a:ahLst/>
              <a:cxnLst/>
              <a:rect l="l" t="t" r="r" b="b"/>
              <a:pathLst>
                <a:path w="3712" h="3712" extrusionOk="0">
                  <a:moveTo>
                    <a:pt x="1856" y="0"/>
                  </a:moveTo>
                  <a:cubicBezTo>
                    <a:pt x="831" y="0"/>
                    <a:pt x="0" y="832"/>
                    <a:pt x="0" y="1856"/>
                  </a:cubicBezTo>
                  <a:cubicBezTo>
                    <a:pt x="0" y="2880"/>
                    <a:pt x="831" y="3711"/>
                    <a:pt x="1856" y="3711"/>
                  </a:cubicBezTo>
                  <a:cubicBezTo>
                    <a:pt x="2880" y="3711"/>
                    <a:pt x="3711" y="2880"/>
                    <a:pt x="3711" y="1856"/>
                  </a:cubicBezTo>
                  <a:cubicBezTo>
                    <a:pt x="3711" y="832"/>
                    <a:pt x="2880" y="0"/>
                    <a:pt x="185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4" name="Google Shape;304;p24"/>
            <p:cNvSpPr/>
            <p:nvPr/>
          </p:nvSpPr>
          <p:spPr>
            <a:xfrm>
              <a:off x="2226234" y="644320"/>
              <a:ext cx="180143" cy="180143"/>
            </a:xfrm>
            <a:custGeom>
              <a:avLst/>
              <a:gdLst/>
              <a:ahLst/>
              <a:cxnLst/>
              <a:rect l="l" t="t" r="r" b="b"/>
              <a:pathLst>
                <a:path w="2982" h="2982" extrusionOk="0">
                  <a:moveTo>
                    <a:pt x="1491" y="0"/>
                  </a:moveTo>
                  <a:cubicBezTo>
                    <a:pt x="668" y="0"/>
                    <a:pt x="0" y="668"/>
                    <a:pt x="0" y="1491"/>
                  </a:cubicBezTo>
                  <a:cubicBezTo>
                    <a:pt x="0" y="2315"/>
                    <a:pt x="668" y="2982"/>
                    <a:pt x="1491" y="2982"/>
                  </a:cubicBezTo>
                  <a:cubicBezTo>
                    <a:pt x="2313" y="2982"/>
                    <a:pt x="2981" y="2315"/>
                    <a:pt x="2981" y="1491"/>
                  </a:cubicBezTo>
                  <a:cubicBezTo>
                    <a:pt x="2981" y="668"/>
                    <a:pt x="2313" y="0"/>
                    <a:pt x="1491"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5" name="Google Shape;305;p24"/>
            <p:cNvSpPr/>
            <p:nvPr/>
          </p:nvSpPr>
          <p:spPr>
            <a:xfrm>
              <a:off x="999388" y="622271"/>
              <a:ext cx="224242" cy="224242"/>
            </a:xfrm>
            <a:custGeom>
              <a:avLst/>
              <a:gdLst/>
              <a:ahLst/>
              <a:cxnLst/>
              <a:rect l="l" t="t" r="r" b="b"/>
              <a:pathLst>
                <a:path w="3712" h="3712" extrusionOk="0">
                  <a:moveTo>
                    <a:pt x="1856" y="0"/>
                  </a:moveTo>
                  <a:cubicBezTo>
                    <a:pt x="831" y="0"/>
                    <a:pt x="0" y="832"/>
                    <a:pt x="0" y="1856"/>
                  </a:cubicBezTo>
                  <a:cubicBezTo>
                    <a:pt x="0" y="2880"/>
                    <a:pt x="831" y="3711"/>
                    <a:pt x="1856" y="3711"/>
                  </a:cubicBezTo>
                  <a:cubicBezTo>
                    <a:pt x="2880" y="3711"/>
                    <a:pt x="3711" y="2880"/>
                    <a:pt x="3711" y="1856"/>
                  </a:cubicBezTo>
                  <a:cubicBezTo>
                    <a:pt x="3711" y="832"/>
                    <a:pt x="2880" y="0"/>
                    <a:pt x="185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6" name="Google Shape;306;p24"/>
            <p:cNvSpPr/>
            <p:nvPr/>
          </p:nvSpPr>
          <p:spPr>
            <a:xfrm>
              <a:off x="1021438" y="644320"/>
              <a:ext cx="180143" cy="180143"/>
            </a:xfrm>
            <a:custGeom>
              <a:avLst/>
              <a:gdLst/>
              <a:ahLst/>
              <a:cxnLst/>
              <a:rect l="l" t="t" r="r" b="b"/>
              <a:pathLst>
                <a:path w="2982" h="2982" extrusionOk="0">
                  <a:moveTo>
                    <a:pt x="1491" y="0"/>
                  </a:moveTo>
                  <a:cubicBezTo>
                    <a:pt x="668" y="0"/>
                    <a:pt x="0" y="668"/>
                    <a:pt x="0" y="1491"/>
                  </a:cubicBezTo>
                  <a:cubicBezTo>
                    <a:pt x="0" y="2315"/>
                    <a:pt x="668" y="2982"/>
                    <a:pt x="1491" y="2982"/>
                  </a:cubicBezTo>
                  <a:cubicBezTo>
                    <a:pt x="2314" y="2982"/>
                    <a:pt x="2981" y="2315"/>
                    <a:pt x="2981" y="1491"/>
                  </a:cubicBezTo>
                  <a:cubicBezTo>
                    <a:pt x="2981" y="668"/>
                    <a:pt x="2314" y="0"/>
                    <a:pt x="1491"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7" name="Google Shape;307;p24"/>
            <p:cNvSpPr/>
            <p:nvPr/>
          </p:nvSpPr>
          <p:spPr>
            <a:xfrm>
              <a:off x="1591336" y="622271"/>
              <a:ext cx="224242" cy="224242"/>
            </a:xfrm>
            <a:custGeom>
              <a:avLst/>
              <a:gdLst/>
              <a:ahLst/>
              <a:cxnLst/>
              <a:rect l="l" t="t" r="r" b="b"/>
              <a:pathLst>
                <a:path w="3712" h="3712" extrusionOk="0">
                  <a:moveTo>
                    <a:pt x="1856" y="0"/>
                  </a:moveTo>
                  <a:cubicBezTo>
                    <a:pt x="832" y="0"/>
                    <a:pt x="1" y="832"/>
                    <a:pt x="1" y="1856"/>
                  </a:cubicBezTo>
                  <a:cubicBezTo>
                    <a:pt x="1" y="2880"/>
                    <a:pt x="831" y="3711"/>
                    <a:pt x="1856" y="3711"/>
                  </a:cubicBezTo>
                  <a:cubicBezTo>
                    <a:pt x="2881" y="3711"/>
                    <a:pt x="3712" y="2880"/>
                    <a:pt x="3712" y="1856"/>
                  </a:cubicBezTo>
                  <a:cubicBezTo>
                    <a:pt x="3712" y="832"/>
                    <a:pt x="2881" y="0"/>
                    <a:pt x="185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8" name="Google Shape;308;p24"/>
            <p:cNvSpPr/>
            <p:nvPr/>
          </p:nvSpPr>
          <p:spPr>
            <a:xfrm>
              <a:off x="1613385" y="644320"/>
              <a:ext cx="180143" cy="180143"/>
            </a:xfrm>
            <a:custGeom>
              <a:avLst/>
              <a:gdLst/>
              <a:ahLst/>
              <a:cxnLst/>
              <a:rect l="l" t="t" r="r" b="b"/>
              <a:pathLst>
                <a:path w="2982" h="2982" extrusionOk="0">
                  <a:moveTo>
                    <a:pt x="1491" y="0"/>
                  </a:moveTo>
                  <a:cubicBezTo>
                    <a:pt x="667" y="0"/>
                    <a:pt x="1" y="668"/>
                    <a:pt x="1" y="1491"/>
                  </a:cubicBezTo>
                  <a:cubicBezTo>
                    <a:pt x="1" y="2315"/>
                    <a:pt x="667" y="2982"/>
                    <a:pt x="1491" y="2982"/>
                  </a:cubicBezTo>
                  <a:cubicBezTo>
                    <a:pt x="2314" y="2982"/>
                    <a:pt x="2982" y="2315"/>
                    <a:pt x="2982" y="1491"/>
                  </a:cubicBezTo>
                  <a:cubicBezTo>
                    <a:pt x="2982" y="668"/>
                    <a:pt x="2314" y="0"/>
                    <a:pt x="1491"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9" name="Google Shape;309;p24"/>
            <p:cNvSpPr/>
            <p:nvPr/>
          </p:nvSpPr>
          <p:spPr>
            <a:xfrm>
              <a:off x="1047957" y="692346"/>
              <a:ext cx="1311018" cy="543932"/>
            </a:xfrm>
            <a:custGeom>
              <a:avLst/>
              <a:gdLst/>
              <a:ahLst/>
              <a:cxnLst/>
              <a:rect l="l" t="t" r="r" b="b"/>
              <a:pathLst>
                <a:path w="21702" h="9004" extrusionOk="0">
                  <a:moveTo>
                    <a:pt x="770" y="0"/>
                  </a:moveTo>
                  <a:cubicBezTo>
                    <a:pt x="345" y="0"/>
                    <a:pt x="1" y="344"/>
                    <a:pt x="1" y="769"/>
                  </a:cubicBezTo>
                  <a:lnTo>
                    <a:pt x="1" y="9004"/>
                  </a:lnTo>
                  <a:lnTo>
                    <a:pt x="21702" y="9004"/>
                  </a:lnTo>
                  <a:lnTo>
                    <a:pt x="21702" y="769"/>
                  </a:lnTo>
                  <a:cubicBezTo>
                    <a:pt x="21702" y="344"/>
                    <a:pt x="21356" y="0"/>
                    <a:pt x="20933"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0" name="Google Shape;310;p24"/>
            <p:cNvSpPr/>
            <p:nvPr/>
          </p:nvSpPr>
          <p:spPr>
            <a:xfrm>
              <a:off x="2294919" y="713066"/>
              <a:ext cx="42770" cy="42710"/>
            </a:xfrm>
            <a:custGeom>
              <a:avLst/>
              <a:gdLst/>
              <a:ahLst/>
              <a:cxnLst/>
              <a:rect l="l" t="t" r="r" b="b"/>
              <a:pathLst>
                <a:path w="708" h="707" extrusionOk="0">
                  <a:moveTo>
                    <a:pt x="354" y="0"/>
                  </a:moveTo>
                  <a:cubicBezTo>
                    <a:pt x="158" y="0"/>
                    <a:pt x="0" y="159"/>
                    <a:pt x="0" y="353"/>
                  </a:cubicBezTo>
                  <a:cubicBezTo>
                    <a:pt x="0" y="548"/>
                    <a:pt x="158" y="706"/>
                    <a:pt x="354" y="706"/>
                  </a:cubicBezTo>
                  <a:cubicBezTo>
                    <a:pt x="549" y="706"/>
                    <a:pt x="707" y="548"/>
                    <a:pt x="707" y="353"/>
                  </a:cubicBezTo>
                  <a:cubicBezTo>
                    <a:pt x="707" y="159"/>
                    <a:pt x="549" y="0"/>
                    <a:pt x="354"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1" name="Google Shape;311;p24"/>
            <p:cNvSpPr/>
            <p:nvPr/>
          </p:nvSpPr>
          <p:spPr>
            <a:xfrm>
              <a:off x="1682070" y="713066"/>
              <a:ext cx="42710" cy="42710"/>
            </a:xfrm>
            <a:custGeom>
              <a:avLst/>
              <a:gdLst/>
              <a:ahLst/>
              <a:cxnLst/>
              <a:rect l="l" t="t" r="r" b="b"/>
              <a:pathLst>
                <a:path w="707" h="707" extrusionOk="0">
                  <a:moveTo>
                    <a:pt x="356" y="0"/>
                  </a:moveTo>
                  <a:cubicBezTo>
                    <a:pt x="355" y="0"/>
                    <a:pt x="355" y="0"/>
                    <a:pt x="354" y="0"/>
                  </a:cubicBezTo>
                  <a:cubicBezTo>
                    <a:pt x="159" y="0"/>
                    <a:pt x="1" y="159"/>
                    <a:pt x="1" y="353"/>
                  </a:cubicBezTo>
                  <a:cubicBezTo>
                    <a:pt x="1" y="548"/>
                    <a:pt x="159" y="706"/>
                    <a:pt x="354" y="706"/>
                  </a:cubicBezTo>
                  <a:cubicBezTo>
                    <a:pt x="548" y="706"/>
                    <a:pt x="707" y="548"/>
                    <a:pt x="707" y="353"/>
                  </a:cubicBezTo>
                  <a:cubicBezTo>
                    <a:pt x="707" y="159"/>
                    <a:pt x="549" y="0"/>
                    <a:pt x="35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2" name="Google Shape;312;p24"/>
            <p:cNvSpPr/>
            <p:nvPr/>
          </p:nvSpPr>
          <p:spPr>
            <a:xfrm>
              <a:off x="1090123" y="713066"/>
              <a:ext cx="42770" cy="42710"/>
            </a:xfrm>
            <a:custGeom>
              <a:avLst/>
              <a:gdLst/>
              <a:ahLst/>
              <a:cxnLst/>
              <a:rect l="l" t="t" r="r" b="b"/>
              <a:pathLst>
                <a:path w="708" h="707" extrusionOk="0">
                  <a:moveTo>
                    <a:pt x="354" y="0"/>
                  </a:moveTo>
                  <a:cubicBezTo>
                    <a:pt x="158" y="0"/>
                    <a:pt x="0" y="159"/>
                    <a:pt x="0" y="353"/>
                  </a:cubicBezTo>
                  <a:cubicBezTo>
                    <a:pt x="0" y="548"/>
                    <a:pt x="158" y="706"/>
                    <a:pt x="354" y="706"/>
                  </a:cubicBezTo>
                  <a:cubicBezTo>
                    <a:pt x="549" y="706"/>
                    <a:pt x="707" y="548"/>
                    <a:pt x="707" y="353"/>
                  </a:cubicBezTo>
                  <a:cubicBezTo>
                    <a:pt x="707" y="159"/>
                    <a:pt x="549" y="0"/>
                    <a:pt x="354"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3" name="Google Shape;313;p24"/>
            <p:cNvSpPr/>
            <p:nvPr/>
          </p:nvSpPr>
          <p:spPr>
            <a:xfrm>
              <a:off x="955048" y="1162569"/>
              <a:ext cx="1496779" cy="73700"/>
            </a:xfrm>
            <a:custGeom>
              <a:avLst/>
              <a:gdLst/>
              <a:ahLst/>
              <a:cxnLst/>
              <a:rect l="l" t="t" r="r" b="b"/>
              <a:pathLst>
                <a:path w="24777" h="1220" extrusionOk="0">
                  <a:moveTo>
                    <a:pt x="0" y="1"/>
                  </a:moveTo>
                  <a:lnTo>
                    <a:pt x="0" y="1220"/>
                  </a:lnTo>
                  <a:lnTo>
                    <a:pt x="24777" y="1220"/>
                  </a:lnTo>
                  <a:lnTo>
                    <a:pt x="24777"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4" name="Google Shape;314;p24"/>
            <p:cNvSpPr/>
            <p:nvPr/>
          </p:nvSpPr>
          <p:spPr>
            <a:xfrm>
              <a:off x="1242836" y="877016"/>
              <a:ext cx="74848" cy="285618"/>
            </a:xfrm>
            <a:custGeom>
              <a:avLst/>
              <a:gdLst/>
              <a:ahLst/>
              <a:cxnLst/>
              <a:rect l="l" t="t" r="r" b="b"/>
              <a:pathLst>
                <a:path w="1239" h="4728" extrusionOk="0">
                  <a:moveTo>
                    <a:pt x="1" y="1"/>
                  </a:moveTo>
                  <a:lnTo>
                    <a:pt x="1" y="4728"/>
                  </a:lnTo>
                  <a:lnTo>
                    <a:pt x="1238" y="4728"/>
                  </a:lnTo>
                  <a:lnTo>
                    <a:pt x="1238" y="1"/>
                  </a:lnTo>
                  <a:close/>
                </a:path>
              </a:pathLst>
            </a:custGeom>
            <a:solidFill>
              <a:srgbClr val="FFFFFF">
                <a:alpha val="3987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5" name="Google Shape;315;p24"/>
            <p:cNvSpPr/>
            <p:nvPr/>
          </p:nvSpPr>
          <p:spPr>
            <a:xfrm>
              <a:off x="1666001" y="877016"/>
              <a:ext cx="74908" cy="285618"/>
            </a:xfrm>
            <a:custGeom>
              <a:avLst/>
              <a:gdLst/>
              <a:ahLst/>
              <a:cxnLst/>
              <a:rect l="l" t="t" r="r" b="b"/>
              <a:pathLst>
                <a:path w="1240" h="4728" extrusionOk="0">
                  <a:moveTo>
                    <a:pt x="1" y="1"/>
                  </a:moveTo>
                  <a:lnTo>
                    <a:pt x="1" y="4728"/>
                  </a:lnTo>
                  <a:lnTo>
                    <a:pt x="1239" y="4728"/>
                  </a:lnTo>
                  <a:lnTo>
                    <a:pt x="1239" y="1"/>
                  </a:lnTo>
                  <a:close/>
                </a:path>
              </a:pathLst>
            </a:custGeom>
            <a:solidFill>
              <a:srgbClr val="FFFFFF">
                <a:alpha val="3987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6" name="Google Shape;316;p24"/>
            <p:cNvSpPr/>
            <p:nvPr/>
          </p:nvSpPr>
          <p:spPr>
            <a:xfrm>
              <a:off x="2089226" y="877016"/>
              <a:ext cx="74848" cy="285618"/>
            </a:xfrm>
            <a:custGeom>
              <a:avLst/>
              <a:gdLst/>
              <a:ahLst/>
              <a:cxnLst/>
              <a:rect l="l" t="t" r="r" b="b"/>
              <a:pathLst>
                <a:path w="1239" h="4728" extrusionOk="0">
                  <a:moveTo>
                    <a:pt x="0" y="1"/>
                  </a:moveTo>
                  <a:lnTo>
                    <a:pt x="0" y="4728"/>
                  </a:lnTo>
                  <a:lnTo>
                    <a:pt x="1239" y="4728"/>
                  </a:lnTo>
                  <a:lnTo>
                    <a:pt x="1239" y="1"/>
                  </a:lnTo>
                  <a:close/>
                </a:path>
              </a:pathLst>
            </a:custGeom>
            <a:solidFill>
              <a:srgbClr val="FFFFFF">
                <a:alpha val="3987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7" name="Google Shape;317;p24"/>
            <p:cNvSpPr/>
            <p:nvPr/>
          </p:nvSpPr>
          <p:spPr>
            <a:xfrm>
              <a:off x="1317623" y="877016"/>
              <a:ext cx="75331" cy="285618"/>
            </a:xfrm>
            <a:custGeom>
              <a:avLst/>
              <a:gdLst/>
              <a:ahLst/>
              <a:cxnLst/>
              <a:rect l="l" t="t" r="r" b="b"/>
              <a:pathLst>
                <a:path w="1247" h="4728" extrusionOk="0">
                  <a:moveTo>
                    <a:pt x="0" y="1"/>
                  </a:moveTo>
                  <a:lnTo>
                    <a:pt x="0" y="4728"/>
                  </a:lnTo>
                  <a:lnTo>
                    <a:pt x="1247" y="4728"/>
                  </a:lnTo>
                  <a:lnTo>
                    <a:pt x="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8" name="Google Shape;318;p24"/>
            <p:cNvSpPr/>
            <p:nvPr/>
          </p:nvSpPr>
          <p:spPr>
            <a:xfrm>
              <a:off x="1740848" y="877016"/>
              <a:ext cx="75331" cy="285618"/>
            </a:xfrm>
            <a:custGeom>
              <a:avLst/>
              <a:gdLst/>
              <a:ahLst/>
              <a:cxnLst/>
              <a:rect l="l" t="t" r="r" b="b"/>
              <a:pathLst>
                <a:path w="1247" h="4728" extrusionOk="0">
                  <a:moveTo>
                    <a:pt x="0" y="1"/>
                  </a:moveTo>
                  <a:lnTo>
                    <a:pt x="0" y="4728"/>
                  </a:lnTo>
                  <a:lnTo>
                    <a:pt x="1247" y="4728"/>
                  </a:lnTo>
                  <a:lnTo>
                    <a:pt x="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9" name="Google Shape;319;p24"/>
            <p:cNvSpPr/>
            <p:nvPr/>
          </p:nvSpPr>
          <p:spPr>
            <a:xfrm>
              <a:off x="2166489" y="877016"/>
              <a:ext cx="75392" cy="285618"/>
            </a:xfrm>
            <a:custGeom>
              <a:avLst/>
              <a:gdLst/>
              <a:ahLst/>
              <a:cxnLst/>
              <a:rect l="l" t="t" r="r" b="b"/>
              <a:pathLst>
                <a:path w="1248" h="4728" extrusionOk="0">
                  <a:moveTo>
                    <a:pt x="1" y="1"/>
                  </a:moveTo>
                  <a:lnTo>
                    <a:pt x="1" y="4728"/>
                  </a:lnTo>
                  <a:lnTo>
                    <a:pt x="1248" y="4728"/>
                  </a:lnTo>
                  <a:lnTo>
                    <a:pt x="1"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0" name="Google Shape;320;p24"/>
            <p:cNvSpPr/>
            <p:nvPr/>
          </p:nvSpPr>
          <p:spPr>
            <a:xfrm>
              <a:off x="2358832" y="877016"/>
              <a:ext cx="92971" cy="285618"/>
            </a:xfrm>
            <a:custGeom>
              <a:avLst/>
              <a:gdLst/>
              <a:ahLst/>
              <a:cxnLst/>
              <a:rect l="l" t="t" r="r" b="b"/>
              <a:pathLst>
                <a:path w="1539" h="4728" extrusionOk="0">
                  <a:moveTo>
                    <a:pt x="1" y="1"/>
                  </a:moveTo>
                  <a:lnTo>
                    <a:pt x="1" y="4728"/>
                  </a:lnTo>
                  <a:lnTo>
                    <a:pt x="1539" y="4728"/>
                  </a:lnTo>
                  <a:lnTo>
                    <a:pt x="545"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1" name="Google Shape;321;p24"/>
            <p:cNvSpPr/>
            <p:nvPr/>
          </p:nvSpPr>
          <p:spPr>
            <a:xfrm>
              <a:off x="955048" y="877016"/>
              <a:ext cx="92971" cy="285618"/>
            </a:xfrm>
            <a:custGeom>
              <a:avLst/>
              <a:gdLst/>
              <a:ahLst/>
              <a:cxnLst/>
              <a:rect l="l" t="t" r="r" b="b"/>
              <a:pathLst>
                <a:path w="1539" h="4728" extrusionOk="0">
                  <a:moveTo>
                    <a:pt x="995" y="1"/>
                  </a:moveTo>
                  <a:lnTo>
                    <a:pt x="0" y="4728"/>
                  </a:lnTo>
                  <a:lnTo>
                    <a:pt x="1539" y="4728"/>
                  </a:lnTo>
                  <a:lnTo>
                    <a:pt x="1539"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2" name="Google Shape;322;p24"/>
            <p:cNvSpPr/>
            <p:nvPr/>
          </p:nvSpPr>
          <p:spPr>
            <a:xfrm>
              <a:off x="955048" y="1236208"/>
              <a:ext cx="1496779" cy="150179"/>
            </a:xfrm>
            <a:custGeom>
              <a:avLst/>
              <a:gdLst/>
              <a:ahLst/>
              <a:cxnLst/>
              <a:rect l="l" t="t" r="r" b="b"/>
              <a:pathLst>
                <a:path w="24777" h="2486" extrusionOk="0">
                  <a:moveTo>
                    <a:pt x="0" y="1"/>
                  </a:moveTo>
                  <a:lnTo>
                    <a:pt x="0" y="2486"/>
                  </a:lnTo>
                  <a:lnTo>
                    <a:pt x="24777" y="2486"/>
                  </a:lnTo>
                  <a:lnTo>
                    <a:pt x="24777"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3" name="Google Shape;323;p24"/>
            <p:cNvSpPr/>
            <p:nvPr/>
          </p:nvSpPr>
          <p:spPr>
            <a:xfrm>
              <a:off x="1195113" y="1236208"/>
              <a:ext cx="1016640" cy="150179"/>
            </a:xfrm>
            <a:custGeom>
              <a:avLst/>
              <a:gdLst/>
              <a:ahLst/>
              <a:cxnLst/>
              <a:rect l="l" t="t" r="r" b="b"/>
              <a:pathLst>
                <a:path w="16829" h="2486" extrusionOk="0">
                  <a:moveTo>
                    <a:pt x="1" y="1"/>
                  </a:moveTo>
                  <a:lnTo>
                    <a:pt x="1" y="2486"/>
                  </a:lnTo>
                  <a:lnTo>
                    <a:pt x="16828" y="2486"/>
                  </a:lnTo>
                  <a:lnTo>
                    <a:pt x="16828"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4" name="Google Shape;324;p24"/>
            <p:cNvSpPr/>
            <p:nvPr/>
          </p:nvSpPr>
          <p:spPr>
            <a:xfrm>
              <a:off x="1242836" y="1283689"/>
              <a:ext cx="921253" cy="320233"/>
            </a:xfrm>
            <a:custGeom>
              <a:avLst/>
              <a:gdLst/>
              <a:ahLst/>
              <a:cxnLst/>
              <a:rect l="l" t="t" r="r" b="b"/>
              <a:pathLst>
                <a:path w="15250" h="5301" extrusionOk="0">
                  <a:moveTo>
                    <a:pt x="1" y="0"/>
                  </a:moveTo>
                  <a:lnTo>
                    <a:pt x="1" y="5301"/>
                  </a:lnTo>
                  <a:lnTo>
                    <a:pt x="15250" y="5301"/>
                  </a:lnTo>
                  <a:lnTo>
                    <a:pt x="1525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5" name="Google Shape;325;p24"/>
            <p:cNvSpPr/>
            <p:nvPr/>
          </p:nvSpPr>
          <p:spPr>
            <a:xfrm>
              <a:off x="1195113" y="1386324"/>
              <a:ext cx="47784" cy="217597"/>
            </a:xfrm>
            <a:custGeom>
              <a:avLst/>
              <a:gdLst/>
              <a:ahLst/>
              <a:cxnLst/>
              <a:rect l="l" t="t" r="r" b="b"/>
              <a:pathLst>
                <a:path w="791" h="3602" extrusionOk="0">
                  <a:moveTo>
                    <a:pt x="791" y="1"/>
                  </a:moveTo>
                  <a:cubicBezTo>
                    <a:pt x="354" y="1"/>
                    <a:pt x="1" y="354"/>
                    <a:pt x="1" y="789"/>
                  </a:cubicBezTo>
                  <a:lnTo>
                    <a:pt x="1" y="2812"/>
                  </a:lnTo>
                  <a:cubicBezTo>
                    <a:pt x="1" y="3248"/>
                    <a:pt x="354" y="3602"/>
                    <a:pt x="791" y="3602"/>
                  </a:cubicBezTo>
                  <a:lnTo>
                    <a:pt x="791"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6" name="Google Shape;326;p24"/>
            <p:cNvSpPr/>
            <p:nvPr/>
          </p:nvSpPr>
          <p:spPr>
            <a:xfrm>
              <a:off x="2164013" y="1386324"/>
              <a:ext cx="47724" cy="217597"/>
            </a:xfrm>
            <a:custGeom>
              <a:avLst/>
              <a:gdLst/>
              <a:ahLst/>
              <a:cxnLst/>
              <a:rect l="l" t="t" r="r" b="b"/>
              <a:pathLst>
                <a:path w="790" h="3602" extrusionOk="0">
                  <a:moveTo>
                    <a:pt x="1" y="1"/>
                  </a:moveTo>
                  <a:lnTo>
                    <a:pt x="1" y="3602"/>
                  </a:lnTo>
                  <a:cubicBezTo>
                    <a:pt x="437" y="3602"/>
                    <a:pt x="789" y="3248"/>
                    <a:pt x="789" y="2812"/>
                  </a:cubicBezTo>
                  <a:lnTo>
                    <a:pt x="789" y="789"/>
                  </a:lnTo>
                  <a:cubicBezTo>
                    <a:pt x="789" y="354"/>
                    <a:pt x="437" y="1"/>
                    <a:pt x="1"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7" name="Google Shape;327;p24"/>
            <p:cNvSpPr/>
            <p:nvPr/>
          </p:nvSpPr>
          <p:spPr>
            <a:xfrm>
              <a:off x="1671015" y="1404446"/>
              <a:ext cx="64820" cy="199474"/>
            </a:xfrm>
            <a:custGeom>
              <a:avLst/>
              <a:gdLst/>
              <a:ahLst/>
              <a:cxnLst/>
              <a:rect l="l" t="t" r="r" b="b"/>
              <a:pathLst>
                <a:path w="1073" h="3302" extrusionOk="0">
                  <a:moveTo>
                    <a:pt x="1" y="0"/>
                  </a:moveTo>
                  <a:lnTo>
                    <a:pt x="1" y="3302"/>
                  </a:lnTo>
                  <a:lnTo>
                    <a:pt x="1073" y="3302"/>
                  </a:lnTo>
                  <a:lnTo>
                    <a:pt x="1073"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8" name="Google Shape;328;p24"/>
            <p:cNvSpPr/>
            <p:nvPr/>
          </p:nvSpPr>
          <p:spPr>
            <a:xfrm>
              <a:off x="1686540" y="1404446"/>
              <a:ext cx="34011" cy="706012"/>
            </a:xfrm>
            <a:custGeom>
              <a:avLst/>
              <a:gdLst/>
              <a:ahLst/>
              <a:cxnLst/>
              <a:rect l="l" t="t" r="r" b="b"/>
              <a:pathLst>
                <a:path w="563" h="11687" extrusionOk="0">
                  <a:moveTo>
                    <a:pt x="0" y="0"/>
                  </a:moveTo>
                  <a:lnTo>
                    <a:pt x="0" y="11686"/>
                  </a:lnTo>
                  <a:lnTo>
                    <a:pt x="562" y="11686"/>
                  </a:lnTo>
                  <a:lnTo>
                    <a:pt x="562"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9" name="Google Shape;329;p24"/>
            <p:cNvSpPr/>
            <p:nvPr/>
          </p:nvSpPr>
          <p:spPr>
            <a:xfrm>
              <a:off x="1971308" y="1404446"/>
              <a:ext cx="64820" cy="199474"/>
            </a:xfrm>
            <a:custGeom>
              <a:avLst/>
              <a:gdLst/>
              <a:ahLst/>
              <a:cxnLst/>
              <a:rect l="l" t="t" r="r" b="b"/>
              <a:pathLst>
                <a:path w="1073" h="3302" extrusionOk="0">
                  <a:moveTo>
                    <a:pt x="1" y="0"/>
                  </a:moveTo>
                  <a:lnTo>
                    <a:pt x="1" y="3302"/>
                  </a:lnTo>
                  <a:lnTo>
                    <a:pt x="1073" y="3302"/>
                  </a:lnTo>
                  <a:lnTo>
                    <a:pt x="1073"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0" name="Google Shape;330;p24"/>
            <p:cNvSpPr/>
            <p:nvPr/>
          </p:nvSpPr>
          <p:spPr>
            <a:xfrm>
              <a:off x="1986712" y="1404446"/>
              <a:ext cx="34132" cy="706012"/>
            </a:xfrm>
            <a:custGeom>
              <a:avLst/>
              <a:gdLst/>
              <a:ahLst/>
              <a:cxnLst/>
              <a:rect l="l" t="t" r="r" b="b"/>
              <a:pathLst>
                <a:path w="565" h="11687" extrusionOk="0">
                  <a:moveTo>
                    <a:pt x="1" y="0"/>
                  </a:moveTo>
                  <a:lnTo>
                    <a:pt x="1" y="11686"/>
                  </a:lnTo>
                  <a:lnTo>
                    <a:pt x="564" y="11686"/>
                  </a:lnTo>
                  <a:lnTo>
                    <a:pt x="564"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1" name="Google Shape;331;p24"/>
            <p:cNvSpPr/>
            <p:nvPr/>
          </p:nvSpPr>
          <p:spPr>
            <a:xfrm>
              <a:off x="1376401" y="1404446"/>
              <a:ext cx="64820" cy="199474"/>
            </a:xfrm>
            <a:custGeom>
              <a:avLst/>
              <a:gdLst/>
              <a:ahLst/>
              <a:cxnLst/>
              <a:rect l="l" t="t" r="r" b="b"/>
              <a:pathLst>
                <a:path w="1073" h="3302" extrusionOk="0">
                  <a:moveTo>
                    <a:pt x="1" y="0"/>
                  </a:moveTo>
                  <a:lnTo>
                    <a:pt x="1" y="3302"/>
                  </a:lnTo>
                  <a:lnTo>
                    <a:pt x="1073" y="3302"/>
                  </a:lnTo>
                  <a:lnTo>
                    <a:pt x="1073"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2" name="Google Shape;332;p24"/>
            <p:cNvSpPr/>
            <p:nvPr/>
          </p:nvSpPr>
          <p:spPr>
            <a:xfrm>
              <a:off x="1391926" y="1404446"/>
              <a:ext cx="34071" cy="706012"/>
            </a:xfrm>
            <a:custGeom>
              <a:avLst/>
              <a:gdLst/>
              <a:ahLst/>
              <a:cxnLst/>
              <a:rect l="l" t="t" r="r" b="b"/>
              <a:pathLst>
                <a:path w="564" h="11687" extrusionOk="0">
                  <a:moveTo>
                    <a:pt x="0" y="0"/>
                  </a:moveTo>
                  <a:lnTo>
                    <a:pt x="0" y="11686"/>
                  </a:lnTo>
                  <a:lnTo>
                    <a:pt x="563" y="11686"/>
                  </a:lnTo>
                  <a:lnTo>
                    <a:pt x="563"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3" name="Google Shape;333;p24"/>
            <p:cNvSpPr/>
            <p:nvPr/>
          </p:nvSpPr>
          <p:spPr>
            <a:xfrm>
              <a:off x="1539928" y="1283689"/>
              <a:ext cx="17096" cy="320233"/>
            </a:xfrm>
            <a:custGeom>
              <a:avLst/>
              <a:gdLst/>
              <a:ahLst/>
              <a:cxnLst/>
              <a:rect l="l" t="t" r="r" b="b"/>
              <a:pathLst>
                <a:path w="283" h="5301" extrusionOk="0">
                  <a:moveTo>
                    <a:pt x="1" y="0"/>
                  </a:moveTo>
                  <a:lnTo>
                    <a:pt x="1" y="5301"/>
                  </a:lnTo>
                  <a:lnTo>
                    <a:pt x="282" y="5301"/>
                  </a:lnTo>
                  <a:lnTo>
                    <a:pt x="282"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4" name="Google Shape;334;p24"/>
            <p:cNvSpPr/>
            <p:nvPr/>
          </p:nvSpPr>
          <p:spPr>
            <a:xfrm>
              <a:off x="1845114" y="1283689"/>
              <a:ext cx="17036" cy="320233"/>
            </a:xfrm>
            <a:custGeom>
              <a:avLst/>
              <a:gdLst/>
              <a:ahLst/>
              <a:cxnLst/>
              <a:rect l="l" t="t" r="r" b="b"/>
              <a:pathLst>
                <a:path w="282" h="5301" extrusionOk="0">
                  <a:moveTo>
                    <a:pt x="1" y="0"/>
                  </a:moveTo>
                  <a:lnTo>
                    <a:pt x="1" y="5301"/>
                  </a:lnTo>
                  <a:lnTo>
                    <a:pt x="282" y="5301"/>
                  </a:lnTo>
                  <a:lnTo>
                    <a:pt x="282"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5" name="Google Shape;335;p24"/>
            <p:cNvSpPr/>
            <p:nvPr/>
          </p:nvSpPr>
          <p:spPr>
            <a:xfrm>
              <a:off x="2303135" y="2492049"/>
              <a:ext cx="67780" cy="102153"/>
            </a:xfrm>
            <a:custGeom>
              <a:avLst/>
              <a:gdLst/>
              <a:ahLst/>
              <a:cxnLst/>
              <a:rect l="l" t="t" r="r" b="b"/>
              <a:pathLst>
                <a:path w="1122" h="1691" extrusionOk="0">
                  <a:moveTo>
                    <a:pt x="447" y="0"/>
                  </a:moveTo>
                  <a:cubicBezTo>
                    <a:pt x="428" y="0"/>
                    <a:pt x="409" y="1"/>
                    <a:pt x="389" y="2"/>
                  </a:cubicBezTo>
                  <a:lnTo>
                    <a:pt x="36" y="27"/>
                  </a:lnTo>
                  <a:cubicBezTo>
                    <a:pt x="22" y="54"/>
                    <a:pt x="9" y="81"/>
                    <a:pt x="1" y="110"/>
                  </a:cubicBezTo>
                  <a:lnTo>
                    <a:pt x="49" y="1690"/>
                  </a:lnTo>
                  <a:lnTo>
                    <a:pt x="505" y="1658"/>
                  </a:lnTo>
                  <a:cubicBezTo>
                    <a:pt x="763" y="1639"/>
                    <a:pt x="983" y="1503"/>
                    <a:pt x="1121" y="1307"/>
                  </a:cubicBezTo>
                  <a:lnTo>
                    <a:pt x="1097" y="449"/>
                  </a:lnTo>
                  <a:cubicBezTo>
                    <a:pt x="1108" y="415"/>
                    <a:pt x="1114" y="379"/>
                    <a:pt x="1118" y="345"/>
                  </a:cubicBezTo>
                  <a:cubicBezTo>
                    <a:pt x="966" y="136"/>
                    <a:pt x="721" y="0"/>
                    <a:pt x="447"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6" name="Google Shape;336;p24"/>
            <p:cNvSpPr/>
            <p:nvPr/>
          </p:nvSpPr>
          <p:spPr>
            <a:xfrm>
              <a:off x="1118817" y="2464443"/>
              <a:ext cx="1169417" cy="100341"/>
            </a:xfrm>
            <a:custGeom>
              <a:avLst/>
              <a:gdLst/>
              <a:ahLst/>
              <a:cxnLst/>
              <a:rect l="l" t="t" r="r" b="b"/>
              <a:pathLst>
                <a:path w="19358" h="1661" extrusionOk="0">
                  <a:moveTo>
                    <a:pt x="1" y="0"/>
                  </a:moveTo>
                  <a:lnTo>
                    <a:pt x="1" y="1660"/>
                  </a:lnTo>
                  <a:lnTo>
                    <a:pt x="19358" y="1660"/>
                  </a:lnTo>
                  <a:lnTo>
                    <a:pt x="19358"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7" name="Google Shape;337;p24"/>
            <p:cNvSpPr/>
            <p:nvPr/>
          </p:nvSpPr>
          <p:spPr>
            <a:xfrm>
              <a:off x="1269235" y="2564721"/>
              <a:ext cx="868635" cy="100341"/>
            </a:xfrm>
            <a:custGeom>
              <a:avLst/>
              <a:gdLst/>
              <a:ahLst/>
              <a:cxnLst/>
              <a:rect l="l" t="t" r="r" b="b"/>
              <a:pathLst>
                <a:path w="14379" h="1661" extrusionOk="0">
                  <a:moveTo>
                    <a:pt x="1" y="0"/>
                  </a:moveTo>
                  <a:cubicBezTo>
                    <a:pt x="1" y="917"/>
                    <a:pt x="744" y="1660"/>
                    <a:pt x="1660" y="1660"/>
                  </a:cubicBezTo>
                  <a:lnTo>
                    <a:pt x="12718" y="1660"/>
                  </a:lnTo>
                  <a:cubicBezTo>
                    <a:pt x="13635" y="1660"/>
                    <a:pt x="14378" y="917"/>
                    <a:pt x="14378"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8" name="Google Shape;338;p24"/>
            <p:cNvSpPr/>
            <p:nvPr/>
          </p:nvSpPr>
          <p:spPr>
            <a:xfrm>
              <a:off x="1269235" y="2564721"/>
              <a:ext cx="868635" cy="38662"/>
            </a:xfrm>
            <a:custGeom>
              <a:avLst/>
              <a:gdLst/>
              <a:ahLst/>
              <a:cxnLst/>
              <a:rect l="l" t="t" r="r" b="b"/>
              <a:pathLst>
                <a:path w="14379" h="640" extrusionOk="0">
                  <a:moveTo>
                    <a:pt x="1" y="0"/>
                  </a:moveTo>
                  <a:cubicBezTo>
                    <a:pt x="1" y="227"/>
                    <a:pt x="46" y="443"/>
                    <a:pt x="128" y="639"/>
                  </a:cubicBezTo>
                  <a:lnTo>
                    <a:pt x="14250" y="639"/>
                  </a:lnTo>
                  <a:cubicBezTo>
                    <a:pt x="14332" y="443"/>
                    <a:pt x="14378" y="227"/>
                    <a:pt x="14378"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9" name="Google Shape;339;p24"/>
            <p:cNvSpPr/>
            <p:nvPr/>
          </p:nvSpPr>
          <p:spPr>
            <a:xfrm>
              <a:off x="2288153" y="2464443"/>
              <a:ext cx="90253" cy="100341"/>
            </a:xfrm>
            <a:custGeom>
              <a:avLst/>
              <a:gdLst/>
              <a:ahLst/>
              <a:cxnLst/>
              <a:rect l="l" t="t" r="r" b="b"/>
              <a:pathLst>
                <a:path w="1494" h="1661" extrusionOk="0">
                  <a:moveTo>
                    <a:pt x="1" y="0"/>
                  </a:moveTo>
                  <a:lnTo>
                    <a:pt x="1" y="1660"/>
                  </a:lnTo>
                  <a:lnTo>
                    <a:pt x="663" y="1660"/>
                  </a:lnTo>
                  <a:cubicBezTo>
                    <a:pt x="1122" y="1660"/>
                    <a:pt x="1493" y="1289"/>
                    <a:pt x="1493" y="830"/>
                  </a:cubicBezTo>
                  <a:cubicBezTo>
                    <a:pt x="1493" y="372"/>
                    <a:pt x="1122" y="0"/>
                    <a:pt x="663"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0" name="Google Shape;340;p24"/>
            <p:cNvSpPr/>
            <p:nvPr/>
          </p:nvSpPr>
          <p:spPr>
            <a:xfrm>
              <a:off x="2288153" y="2464443"/>
              <a:ext cx="14378" cy="100341"/>
            </a:xfrm>
            <a:custGeom>
              <a:avLst/>
              <a:gdLst/>
              <a:ahLst/>
              <a:cxnLst/>
              <a:rect l="l" t="t" r="r" b="b"/>
              <a:pathLst>
                <a:path w="238" h="1661" extrusionOk="0">
                  <a:moveTo>
                    <a:pt x="1" y="0"/>
                  </a:moveTo>
                  <a:lnTo>
                    <a:pt x="1" y="1660"/>
                  </a:lnTo>
                  <a:lnTo>
                    <a:pt x="237" y="1660"/>
                  </a:lnTo>
                  <a:lnTo>
                    <a:pt x="237"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1" name="Google Shape;341;p24"/>
            <p:cNvSpPr/>
            <p:nvPr/>
          </p:nvSpPr>
          <p:spPr>
            <a:xfrm>
              <a:off x="1435662" y="2272342"/>
              <a:ext cx="535716" cy="192164"/>
            </a:xfrm>
            <a:custGeom>
              <a:avLst/>
              <a:gdLst/>
              <a:ahLst/>
              <a:cxnLst/>
              <a:rect l="l" t="t" r="r" b="b"/>
              <a:pathLst>
                <a:path w="8868" h="3181" extrusionOk="0">
                  <a:moveTo>
                    <a:pt x="1" y="1"/>
                  </a:moveTo>
                  <a:lnTo>
                    <a:pt x="1" y="3180"/>
                  </a:lnTo>
                  <a:lnTo>
                    <a:pt x="8868" y="3180"/>
                  </a:lnTo>
                  <a:lnTo>
                    <a:pt x="8868"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2" name="Google Shape;342;p24"/>
            <p:cNvSpPr/>
            <p:nvPr/>
          </p:nvSpPr>
          <p:spPr>
            <a:xfrm>
              <a:off x="1694998" y="2272342"/>
              <a:ext cx="17036" cy="192164"/>
            </a:xfrm>
            <a:custGeom>
              <a:avLst/>
              <a:gdLst/>
              <a:ahLst/>
              <a:cxnLst/>
              <a:rect l="l" t="t" r="r" b="b"/>
              <a:pathLst>
                <a:path w="282" h="3181" extrusionOk="0">
                  <a:moveTo>
                    <a:pt x="1" y="1"/>
                  </a:moveTo>
                  <a:lnTo>
                    <a:pt x="1" y="3180"/>
                  </a:lnTo>
                  <a:lnTo>
                    <a:pt x="282" y="3180"/>
                  </a:lnTo>
                  <a:lnTo>
                    <a:pt x="282"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3" name="Google Shape;343;p24"/>
            <p:cNvSpPr/>
            <p:nvPr/>
          </p:nvSpPr>
          <p:spPr>
            <a:xfrm>
              <a:off x="1492386" y="2110386"/>
              <a:ext cx="61981" cy="354123"/>
            </a:xfrm>
            <a:custGeom>
              <a:avLst/>
              <a:gdLst/>
              <a:ahLst/>
              <a:cxnLst/>
              <a:rect l="l" t="t" r="r" b="b"/>
              <a:pathLst>
                <a:path w="1026" h="5862" extrusionOk="0">
                  <a:moveTo>
                    <a:pt x="0" y="0"/>
                  </a:moveTo>
                  <a:lnTo>
                    <a:pt x="0" y="5861"/>
                  </a:lnTo>
                  <a:lnTo>
                    <a:pt x="1026" y="5861"/>
                  </a:lnTo>
                  <a:lnTo>
                    <a:pt x="1026"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4" name="Google Shape;344;p24"/>
            <p:cNvSpPr/>
            <p:nvPr/>
          </p:nvSpPr>
          <p:spPr>
            <a:xfrm>
              <a:off x="1554305" y="2272342"/>
              <a:ext cx="28514" cy="192164"/>
            </a:xfrm>
            <a:custGeom>
              <a:avLst/>
              <a:gdLst/>
              <a:ahLst/>
              <a:cxnLst/>
              <a:rect l="l" t="t" r="r" b="b"/>
              <a:pathLst>
                <a:path w="472" h="3181" extrusionOk="0">
                  <a:moveTo>
                    <a:pt x="1" y="1"/>
                  </a:moveTo>
                  <a:lnTo>
                    <a:pt x="1" y="3180"/>
                  </a:lnTo>
                  <a:lnTo>
                    <a:pt x="471" y="3180"/>
                  </a:lnTo>
                  <a:lnTo>
                    <a:pt x="471"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5" name="Google Shape;345;p24"/>
            <p:cNvSpPr/>
            <p:nvPr/>
          </p:nvSpPr>
          <p:spPr>
            <a:xfrm>
              <a:off x="1463933" y="2272342"/>
              <a:ext cx="28514" cy="192164"/>
            </a:xfrm>
            <a:custGeom>
              <a:avLst/>
              <a:gdLst/>
              <a:ahLst/>
              <a:cxnLst/>
              <a:rect l="l" t="t" r="r" b="b"/>
              <a:pathLst>
                <a:path w="472" h="3181" extrusionOk="0">
                  <a:moveTo>
                    <a:pt x="1" y="1"/>
                  </a:moveTo>
                  <a:lnTo>
                    <a:pt x="1" y="3180"/>
                  </a:lnTo>
                  <a:lnTo>
                    <a:pt x="471" y="3180"/>
                  </a:lnTo>
                  <a:lnTo>
                    <a:pt x="471"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6" name="Google Shape;346;p24"/>
            <p:cNvSpPr/>
            <p:nvPr/>
          </p:nvSpPr>
          <p:spPr>
            <a:xfrm>
              <a:off x="1852665" y="2110386"/>
              <a:ext cx="62041" cy="354123"/>
            </a:xfrm>
            <a:custGeom>
              <a:avLst/>
              <a:gdLst/>
              <a:ahLst/>
              <a:cxnLst/>
              <a:rect l="l" t="t" r="r" b="b"/>
              <a:pathLst>
                <a:path w="1027" h="5862" extrusionOk="0">
                  <a:moveTo>
                    <a:pt x="1" y="0"/>
                  </a:moveTo>
                  <a:lnTo>
                    <a:pt x="1" y="5861"/>
                  </a:lnTo>
                  <a:lnTo>
                    <a:pt x="1026" y="5861"/>
                  </a:lnTo>
                  <a:lnTo>
                    <a:pt x="1026"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7" name="Google Shape;347;p24"/>
            <p:cNvSpPr/>
            <p:nvPr/>
          </p:nvSpPr>
          <p:spPr>
            <a:xfrm>
              <a:off x="1914645" y="2272342"/>
              <a:ext cx="28453" cy="192164"/>
            </a:xfrm>
            <a:custGeom>
              <a:avLst/>
              <a:gdLst/>
              <a:ahLst/>
              <a:cxnLst/>
              <a:rect l="l" t="t" r="r" b="b"/>
              <a:pathLst>
                <a:path w="471" h="3181" extrusionOk="0">
                  <a:moveTo>
                    <a:pt x="0" y="1"/>
                  </a:moveTo>
                  <a:lnTo>
                    <a:pt x="0" y="3180"/>
                  </a:lnTo>
                  <a:lnTo>
                    <a:pt x="470" y="3180"/>
                  </a:lnTo>
                  <a:lnTo>
                    <a:pt x="47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8" name="Google Shape;348;p24"/>
            <p:cNvSpPr/>
            <p:nvPr/>
          </p:nvSpPr>
          <p:spPr>
            <a:xfrm>
              <a:off x="1824273" y="2272342"/>
              <a:ext cx="28453" cy="192164"/>
            </a:xfrm>
            <a:custGeom>
              <a:avLst/>
              <a:gdLst/>
              <a:ahLst/>
              <a:cxnLst/>
              <a:rect l="l" t="t" r="r" b="b"/>
              <a:pathLst>
                <a:path w="471" h="3181" extrusionOk="0">
                  <a:moveTo>
                    <a:pt x="0" y="1"/>
                  </a:moveTo>
                  <a:lnTo>
                    <a:pt x="0" y="3180"/>
                  </a:lnTo>
                  <a:lnTo>
                    <a:pt x="471" y="3180"/>
                  </a:lnTo>
                  <a:lnTo>
                    <a:pt x="471"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9" name="Google Shape;349;p24"/>
            <p:cNvSpPr/>
            <p:nvPr/>
          </p:nvSpPr>
          <p:spPr>
            <a:xfrm>
              <a:off x="1391926" y="2110386"/>
              <a:ext cx="628929" cy="48207"/>
            </a:xfrm>
            <a:custGeom>
              <a:avLst/>
              <a:gdLst/>
              <a:ahLst/>
              <a:cxnLst/>
              <a:rect l="l" t="t" r="r" b="b"/>
              <a:pathLst>
                <a:path w="10411" h="798" extrusionOk="0">
                  <a:moveTo>
                    <a:pt x="0" y="0"/>
                  </a:moveTo>
                  <a:lnTo>
                    <a:pt x="0" y="797"/>
                  </a:lnTo>
                  <a:lnTo>
                    <a:pt x="10410" y="797"/>
                  </a:lnTo>
                  <a:lnTo>
                    <a:pt x="10410"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0" name="Google Shape;350;p24"/>
            <p:cNvSpPr/>
            <p:nvPr/>
          </p:nvSpPr>
          <p:spPr>
            <a:xfrm>
              <a:off x="1111689" y="2334382"/>
              <a:ext cx="68082" cy="68082"/>
            </a:xfrm>
            <a:custGeom>
              <a:avLst/>
              <a:gdLst/>
              <a:ahLst/>
              <a:cxnLst/>
              <a:rect l="l" t="t" r="r" b="b"/>
              <a:pathLst>
                <a:path w="1127" h="1127" extrusionOk="0">
                  <a:moveTo>
                    <a:pt x="563" y="1"/>
                  </a:moveTo>
                  <a:cubicBezTo>
                    <a:pt x="253" y="1"/>
                    <a:pt x="1" y="253"/>
                    <a:pt x="1" y="563"/>
                  </a:cubicBezTo>
                  <a:cubicBezTo>
                    <a:pt x="1" y="874"/>
                    <a:pt x="253" y="1127"/>
                    <a:pt x="563" y="1127"/>
                  </a:cubicBezTo>
                  <a:lnTo>
                    <a:pt x="1127" y="1127"/>
                  </a:lnTo>
                  <a:lnTo>
                    <a:pt x="1127"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1" name="Google Shape;351;p24"/>
            <p:cNvSpPr/>
            <p:nvPr/>
          </p:nvSpPr>
          <p:spPr>
            <a:xfrm>
              <a:off x="1179528" y="2316561"/>
              <a:ext cx="256199" cy="103784"/>
            </a:xfrm>
            <a:custGeom>
              <a:avLst/>
              <a:gdLst/>
              <a:ahLst/>
              <a:cxnLst/>
              <a:rect l="l" t="t" r="r" b="b"/>
              <a:pathLst>
                <a:path w="4241" h="1718" extrusionOk="0">
                  <a:moveTo>
                    <a:pt x="1" y="0"/>
                  </a:moveTo>
                  <a:lnTo>
                    <a:pt x="1" y="1717"/>
                  </a:lnTo>
                  <a:lnTo>
                    <a:pt x="4241" y="1717"/>
                  </a:lnTo>
                  <a:lnTo>
                    <a:pt x="4241"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2" name="Google Shape;352;p24"/>
            <p:cNvSpPr/>
            <p:nvPr/>
          </p:nvSpPr>
          <p:spPr>
            <a:xfrm>
              <a:off x="1167204" y="2334382"/>
              <a:ext cx="12384" cy="68082"/>
            </a:xfrm>
            <a:custGeom>
              <a:avLst/>
              <a:gdLst/>
              <a:ahLst/>
              <a:cxnLst/>
              <a:rect l="l" t="t" r="r" b="b"/>
              <a:pathLst>
                <a:path w="205" h="1127" extrusionOk="0">
                  <a:moveTo>
                    <a:pt x="1" y="1"/>
                  </a:moveTo>
                  <a:lnTo>
                    <a:pt x="1" y="1127"/>
                  </a:lnTo>
                  <a:lnTo>
                    <a:pt x="205" y="1127"/>
                  </a:lnTo>
                  <a:lnTo>
                    <a:pt x="205"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3" name="Google Shape;353;p24"/>
            <p:cNvSpPr/>
            <p:nvPr/>
          </p:nvSpPr>
          <p:spPr>
            <a:xfrm>
              <a:off x="2311048" y="2490781"/>
              <a:ext cx="47663" cy="47603"/>
            </a:xfrm>
            <a:custGeom>
              <a:avLst/>
              <a:gdLst/>
              <a:ahLst/>
              <a:cxnLst/>
              <a:rect l="l" t="t" r="r" b="b"/>
              <a:pathLst>
                <a:path w="789" h="788" extrusionOk="0">
                  <a:moveTo>
                    <a:pt x="395" y="0"/>
                  </a:moveTo>
                  <a:cubicBezTo>
                    <a:pt x="177" y="0"/>
                    <a:pt x="1" y="177"/>
                    <a:pt x="1" y="394"/>
                  </a:cubicBezTo>
                  <a:cubicBezTo>
                    <a:pt x="1" y="612"/>
                    <a:pt x="178" y="788"/>
                    <a:pt x="395" y="788"/>
                  </a:cubicBezTo>
                  <a:cubicBezTo>
                    <a:pt x="612" y="788"/>
                    <a:pt x="789" y="612"/>
                    <a:pt x="789" y="394"/>
                  </a:cubicBezTo>
                  <a:cubicBezTo>
                    <a:pt x="789" y="177"/>
                    <a:pt x="612" y="0"/>
                    <a:pt x="395"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4" name="Google Shape;354;p24"/>
            <p:cNvSpPr/>
            <p:nvPr/>
          </p:nvSpPr>
          <p:spPr>
            <a:xfrm>
              <a:off x="1975235" y="3135828"/>
              <a:ext cx="192164" cy="176216"/>
            </a:xfrm>
            <a:custGeom>
              <a:avLst/>
              <a:gdLst/>
              <a:ahLst/>
              <a:cxnLst/>
              <a:rect l="l" t="t" r="r" b="b"/>
              <a:pathLst>
                <a:path w="3181" h="2917" extrusionOk="0">
                  <a:moveTo>
                    <a:pt x="2175" y="0"/>
                  </a:moveTo>
                  <a:cubicBezTo>
                    <a:pt x="2108" y="0"/>
                    <a:pt x="2040" y="16"/>
                    <a:pt x="1977" y="50"/>
                  </a:cubicBezTo>
                  <a:lnTo>
                    <a:pt x="1119" y="508"/>
                  </a:lnTo>
                  <a:cubicBezTo>
                    <a:pt x="308" y="942"/>
                    <a:pt x="1" y="1953"/>
                    <a:pt x="435" y="2765"/>
                  </a:cubicBezTo>
                  <a:cubicBezTo>
                    <a:pt x="487" y="2862"/>
                    <a:pt x="587" y="2917"/>
                    <a:pt x="690" y="2917"/>
                  </a:cubicBezTo>
                  <a:cubicBezTo>
                    <a:pt x="735" y="2917"/>
                    <a:pt x="782" y="2906"/>
                    <a:pt x="825" y="2883"/>
                  </a:cubicBezTo>
                  <a:lnTo>
                    <a:pt x="2900" y="1773"/>
                  </a:lnTo>
                  <a:cubicBezTo>
                    <a:pt x="3104" y="1664"/>
                    <a:pt x="3180" y="1411"/>
                    <a:pt x="3072" y="1208"/>
                  </a:cubicBezTo>
                  <a:lnTo>
                    <a:pt x="2545" y="221"/>
                  </a:lnTo>
                  <a:cubicBezTo>
                    <a:pt x="2469" y="81"/>
                    <a:pt x="2324" y="0"/>
                    <a:pt x="2175"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5" name="Google Shape;355;p24"/>
            <p:cNvSpPr/>
            <p:nvPr/>
          </p:nvSpPr>
          <p:spPr>
            <a:xfrm>
              <a:off x="1025606" y="2474229"/>
              <a:ext cx="294438" cy="770711"/>
            </a:xfrm>
            <a:custGeom>
              <a:avLst/>
              <a:gdLst/>
              <a:ahLst/>
              <a:cxnLst/>
              <a:rect l="l" t="t" r="r" b="b"/>
              <a:pathLst>
                <a:path w="4874" h="12758" extrusionOk="0">
                  <a:moveTo>
                    <a:pt x="694" y="0"/>
                  </a:moveTo>
                  <a:cubicBezTo>
                    <a:pt x="637" y="0"/>
                    <a:pt x="580" y="9"/>
                    <a:pt x="524" y="26"/>
                  </a:cubicBezTo>
                  <a:cubicBezTo>
                    <a:pt x="221" y="119"/>
                    <a:pt x="51" y="441"/>
                    <a:pt x="144" y="744"/>
                  </a:cubicBezTo>
                  <a:lnTo>
                    <a:pt x="95" y="2507"/>
                  </a:lnTo>
                  <a:cubicBezTo>
                    <a:pt x="1" y="5812"/>
                    <a:pt x="1081" y="9042"/>
                    <a:pt x="3143" y="11625"/>
                  </a:cubicBezTo>
                  <a:lnTo>
                    <a:pt x="3665" y="12280"/>
                  </a:lnTo>
                  <a:cubicBezTo>
                    <a:pt x="3703" y="12328"/>
                    <a:pt x="3730" y="12384"/>
                    <a:pt x="3758" y="12440"/>
                  </a:cubicBezTo>
                  <a:cubicBezTo>
                    <a:pt x="3856" y="12636"/>
                    <a:pt x="4057" y="12758"/>
                    <a:pt x="4272" y="12758"/>
                  </a:cubicBezTo>
                  <a:cubicBezTo>
                    <a:pt x="4327" y="12758"/>
                    <a:pt x="4384" y="12750"/>
                    <a:pt x="4440" y="12732"/>
                  </a:cubicBezTo>
                  <a:cubicBezTo>
                    <a:pt x="4531" y="12703"/>
                    <a:pt x="4611" y="12656"/>
                    <a:pt x="4674" y="12593"/>
                  </a:cubicBezTo>
                  <a:cubicBezTo>
                    <a:pt x="4873" y="12396"/>
                    <a:pt x="4865" y="12070"/>
                    <a:pt x="4690" y="11852"/>
                  </a:cubicBezTo>
                  <a:lnTo>
                    <a:pt x="4210" y="11244"/>
                  </a:lnTo>
                  <a:cubicBezTo>
                    <a:pt x="2157" y="8657"/>
                    <a:pt x="1087" y="5427"/>
                    <a:pt x="1188" y="2127"/>
                  </a:cubicBezTo>
                  <a:lnTo>
                    <a:pt x="1242" y="406"/>
                  </a:lnTo>
                  <a:cubicBezTo>
                    <a:pt x="1165" y="159"/>
                    <a:pt x="939" y="0"/>
                    <a:pt x="694"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6" name="Google Shape;356;p24"/>
            <p:cNvSpPr/>
            <p:nvPr/>
          </p:nvSpPr>
          <p:spPr>
            <a:xfrm>
              <a:off x="1032855" y="2492049"/>
              <a:ext cx="67780" cy="102153"/>
            </a:xfrm>
            <a:custGeom>
              <a:avLst/>
              <a:gdLst/>
              <a:ahLst/>
              <a:cxnLst/>
              <a:rect l="l" t="t" r="r" b="b"/>
              <a:pathLst>
                <a:path w="1122" h="1691" extrusionOk="0">
                  <a:moveTo>
                    <a:pt x="674" y="0"/>
                  </a:moveTo>
                  <a:cubicBezTo>
                    <a:pt x="401" y="0"/>
                    <a:pt x="155" y="136"/>
                    <a:pt x="4" y="345"/>
                  </a:cubicBezTo>
                  <a:cubicBezTo>
                    <a:pt x="8" y="379"/>
                    <a:pt x="14" y="415"/>
                    <a:pt x="24" y="449"/>
                  </a:cubicBezTo>
                  <a:lnTo>
                    <a:pt x="0" y="1307"/>
                  </a:lnTo>
                  <a:cubicBezTo>
                    <a:pt x="139" y="1503"/>
                    <a:pt x="358" y="1639"/>
                    <a:pt x="616" y="1658"/>
                  </a:cubicBezTo>
                  <a:lnTo>
                    <a:pt x="1073" y="1690"/>
                  </a:lnTo>
                  <a:lnTo>
                    <a:pt x="1122" y="111"/>
                  </a:lnTo>
                  <a:cubicBezTo>
                    <a:pt x="1113" y="81"/>
                    <a:pt x="1099" y="54"/>
                    <a:pt x="1087" y="27"/>
                  </a:cubicBezTo>
                  <a:lnTo>
                    <a:pt x="732" y="2"/>
                  </a:lnTo>
                  <a:cubicBezTo>
                    <a:pt x="713" y="1"/>
                    <a:pt x="694" y="0"/>
                    <a:pt x="67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7" name="Google Shape;357;p24"/>
            <p:cNvSpPr/>
            <p:nvPr/>
          </p:nvSpPr>
          <p:spPr>
            <a:xfrm>
              <a:off x="1028687" y="2464443"/>
              <a:ext cx="90192" cy="100341"/>
            </a:xfrm>
            <a:custGeom>
              <a:avLst/>
              <a:gdLst/>
              <a:ahLst/>
              <a:cxnLst/>
              <a:rect l="l" t="t" r="r" b="b"/>
              <a:pathLst>
                <a:path w="1493" h="1661" extrusionOk="0">
                  <a:moveTo>
                    <a:pt x="830" y="0"/>
                  </a:moveTo>
                  <a:cubicBezTo>
                    <a:pt x="372" y="0"/>
                    <a:pt x="0" y="372"/>
                    <a:pt x="0" y="830"/>
                  </a:cubicBezTo>
                  <a:cubicBezTo>
                    <a:pt x="0" y="1289"/>
                    <a:pt x="372" y="1660"/>
                    <a:pt x="830" y="1660"/>
                  </a:cubicBezTo>
                  <a:lnTo>
                    <a:pt x="1493" y="1660"/>
                  </a:lnTo>
                  <a:lnTo>
                    <a:pt x="149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8" name="Google Shape;358;p24"/>
            <p:cNvSpPr/>
            <p:nvPr/>
          </p:nvSpPr>
          <p:spPr>
            <a:xfrm>
              <a:off x="1044997" y="2490781"/>
              <a:ext cx="47663" cy="47603"/>
            </a:xfrm>
            <a:custGeom>
              <a:avLst/>
              <a:gdLst/>
              <a:ahLst/>
              <a:cxnLst/>
              <a:rect l="l" t="t" r="r" b="b"/>
              <a:pathLst>
                <a:path w="789" h="788" extrusionOk="0">
                  <a:moveTo>
                    <a:pt x="395" y="0"/>
                  </a:moveTo>
                  <a:cubicBezTo>
                    <a:pt x="178" y="0"/>
                    <a:pt x="1" y="177"/>
                    <a:pt x="1" y="394"/>
                  </a:cubicBezTo>
                  <a:cubicBezTo>
                    <a:pt x="1" y="612"/>
                    <a:pt x="178" y="788"/>
                    <a:pt x="395" y="788"/>
                  </a:cubicBezTo>
                  <a:cubicBezTo>
                    <a:pt x="613" y="788"/>
                    <a:pt x="789" y="612"/>
                    <a:pt x="789" y="394"/>
                  </a:cubicBezTo>
                  <a:cubicBezTo>
                    <a:pt x="789" y="177"/>
                    <a:pt x="613" y="0"/>
                    <a:pt x="395"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9" name="Google Shape;359;p24"/>
            <p:cNvSpPr/>
            <p:nvPr/>
          </p:nvSpPr>
          <p:spPr>
            <a:xfrm>
              <a:off x="1236373" y="3135828"/>
              <a:ext cx="192104" cy="176216"/>
            </a:xfrm>
            <a:custGeom>
              <a:avLst/>
              <a:gdLst/>
              <a:ahLst/>
              <a:cxnLst/>
              <a:rect l="l" t="t" r="r" b="b"/>
              <a:pathLst>
                <a:path w="3180" h="2917" extrusionOk="0">
                  <a:moveTo>
                    <a:pt x="1006" y="0"/>
                  </a:moveTo>
                  <a:cubicBezTo>
                    <a:pt x="857" y="0"/>
                    <a:pt x="712" y="81"/>
                    <a:pt x="636" y="221"/>
                  </a:cubicBezTo>
                  <a:lnTo>
                    <a:pt x="109" y="1208"/>
                  </a:lnTo>
                  <a:cubicBezTo>
                    <a:pt x="0" y="1411"/>
                    <a:pt x="77" y="1664"/>
                    <a:pt x="280" y="1773"/>
                  </a:cubicBezTo>
                  <a:lnTo>
                    <a:pt x="2356" y="2883"/>
                  </a:lnTo>
                  <a:cubicBezTo>
                    <a:pt x="2399" y="2906"/>
                    <a:pt x="2445" y="2917"/>
                    <a:pt x="2491" y="2917"/>
                  </a:cubicBezTo>
                  <a:cubicBezTo>
                    <a:pt x="2594" y="2917"/>
                    <a:pt x="2693" y="2862"/>
                    <a:pt x="2746" y="2765"/>
                  </a:cubicBezTo>
                  <a:cubicBezTo>
                    <a:pt x="3180" y="1953"/>
                    <a:pt x="2873" y="942"/>
                    <a:pt x="2061" y="508"/>
                  </a:cubicBezTo>
                  <a:lnTo>
                    <a:pt x="1203" y="50"/>
                  </a:lnTo>
                  <a:cubicBezTo>
                    <a:pt x="1141" y="16"/>
                    <a:pt x="1073" y="0"/>
                    <a:pt x="1006"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60" name="Google Shape;360;p24"/>
            <p:cNvSpPr/>
            <p:nvPr/>
          </p:nvSpPr>
          <p:spPr>
            <a:xfrm>
              <a:off x="1104621" y="2464443"/>
              <a:ext cx="14257" cy="100341"/>
            </a:xfrm>
            <a:custGeom>
              <a:avLst/>
              <a:gdLst/>
              <a:ahLst/>
              <a:cxnLst/>
              <a:rect l="l" t="t" r="r" b="b"/>
              <a:pathLst>
                <a:path w="236" h="1661" extrusionOk="0">
                  <a:moveTo>
                    <a:pt x="0" y="0"/>
                  </a:moveTo>
                  <a:lnTo>
                    <a:pt x="0" y="1660"/>
                  </a:lnTo>
                  <a:lnTo>
                    <a:pt x="236" y="1660"/>
                  </a:lnTo>
                  <a:lnTo>
                    <a:pt x="236"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61" name="Google Shape;361;p24"/>
            <p:cNvSpPr/>
            <p:nvPr/>
          </p:nvSpPr>
          <p:spPr>
            <a:xfrm>
              <a:off x="955048" y="1162569"/>
              <a:ext cx="1496779" cy="73700"/>
            </a:xfrm>
            <a:custGeom>
              <a:avLst/>
              <a:gdLst/>
              <a:ahLst/>
              <a:cxnLst/>
              <a:rect l="l" t="t" r="r" b="b"/>
              <a:pathLst>
                <a:path w="24777" h="1220" extrusionOk="0">
                  <a:moveTo>
                    <a:pt x="0" y="1"/>
                  </a:moveTo>
                  <a:lnTo>
                    <a:pt x="0" y="1220"/>
                  </a:lnTo>
                  <a:lnTo>
                    <a:pt x="24777" y="1220"/>
                  </a:lnTo>
                  <a:lnTo>
                    <a:pt x="24777" y="1"/>
                  </a:lnTo>
                  <a:close/>
                </a:path>
              </a:pathLst>
            </a:custGeom>
            <a:solidFill>
              <a:srgbClr val="FFFFFF">
                <a:alpha val="3987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5" name="Title 4">
            <a:extLst>
              <a:ext uri="{FF2B5EF4-FFF2-40B4-BE49-F238E27FC236}">
                <a16:creationId xmlns:a16="http://schemas.microsoft.com/office/drawing/2014/main" xmlns="" id="{3F82568C-D9F3-A03A-4529-66681DB00982}"/>
              </a:ext>
            </a:extLst>
          </p:cNvPr>
          <p:cNvSpPr>
            <a:spLocks noGrp="1"/>
          </p:cNvSpPr>
          <p:nvPr>
            <p:ph type="ctrTitle"/>
          </p:nvPr>
        </p:nvSpPr>
        <p:spPr>
          <a:xfrm>
            <a:off x="3426062" y="1186722"/>
            <a:ext cx="5270446" cy="3019473"/>
          </a:xfrm>
        </p:spPr>
        <p:txBody>
          <a:bodyPr anchor="ctr"/>
          <a:lstStyle/>
          <a:p>
            <a:pPr algn="r">
              <a:lnSpc>
                <a:spcPct val="150000"/>
              </a:lnSpc>
            </a:pPr>
            <a:r>
              <a:rPr lang="en-US" sz="4000" b="1" dirty="0">
                <a:solidFill>
                  <a:schemeClr val="bg1">
                    <a:lumMod val="50000"/>
                  </a:schemeClr>
                </a:solidFill>
                <a:latin typeface="Arial" panose="020B0604020202020204" pitchFamily="34" charset="0"/>
                <a:cs typeface="Arial" panose="020B0604020202020204" pitchFamily="34" charset="0"/>
              </a:rPr>
              <a:t>CHÀO MỪNG </a:t>
            </a:r>
            <a:br>
              <a:rPr lang="en-US" sz="4000" b="1" dirty="0">
                <a:solidFill>
                  <a:schemeClr val="bg1">
                    <a:lumMod val="50000"/>
                  </a:schemeClr>
                </a:solidFill>
                <a:latin typeface="Arial" panose="020B0604020202020204" pitchFamily="34" charset="0"/>
                <a:cs typeface="Arial" panose="020B0604020202020204" pitchFamily="34" charset="0"/>
              </a:rPr>
            </a:br>
            <a:r>
              <a:rPr lang="en-US" sz="4000" b="1" dirty="0">
                <a:solidFill>
                  <a:schemeClr val="bg1">
                    <a:lumMod val="50000"/>
                  </a:schemeClr>
                </a:solidFill>
                <a:latin typeface="Arial" panose="020B0604020202020204" pitchFamily="34" charset="0"/>
                <a:cs typeface="Arial" panose="020B0604020202020204" pitchFamily="34" charset="0"/>
              </a:rPr>
              <a:t>CÁC EM ĐẾN VỚI BÀI HỌC HÔM NAY!</a:t>
            </a:r>
            <a:endParaRPr lang="vi-VN" sz="4000" dirty="0"/>
          </a:p>
        </p:txBody>
      </p:sp>
      <p:sp>
        <p:nvSpPr>
          <p:cNvPr id="6" name="Freeform 62">
            <a:hlinkClick r:id="rId4" action="ppaction://hlinksldjump"/>
            <a:extLst>
              <a:ext uri="{FF2B5EF4-FFF2-40B4-BE49-F238E27FC236}">
                <a16:creationId xmlns:a16="http://schemas.microsoft.com/office/drawing/2014/main" xmlns="" id="{38BE17EA-6D3F-65AF-DFAD-B156E1860D98}"/>
              </a:ext>
            </a:extLst>
          </p:cNvPr>
          <p:cNvSpPr/>
          <p:nvPr/>
        </p:nvSpPr>
        <p:spPr>
          <a:xfrm>
            <a:off x="7833298" y="4574535"/>
            <a:ext cx="863210" cy="258963"/>
          </a:xfrm>
          <a:custGeom>
            <a:avLst/>
            <a:gdLst/>
            <a:ahLst/>
            <a:cxnLst/>
            <a:rect l="l" t="t" r="r" b="b"/>
            <a:pathLst>
              <a:path w="2007801" h="602340">
                <a:moveTo>
                  <a:pt x="0" y="0"/>
                </a:moveTo>
                <a:lnTo>
                  <a:pt x="2007801" y="0"/>
                </a:lnTo>
                <a:lnTo>
                  <a:pt x="2007801" y="602340"/>
                </a:lnTo>
                <a:lnTo>
                  <a:pt x="0" y="602340"/>
                </a:lnTo>
                <a:lnTo>
                  <a:pt x="0" y="0"/>
                </a:lnTo>
                <a:close/>
              </a:path>
            </a:pathLst>
          </a:custGeom>
          <a:blipFill>
            <a:blip r:embed="rId5">
              <a:extLst>
                <a:ext uri="{96DAC541-7B7A-43D3-8B79-37D633B846F1}">
                  <asvg:svgBlip xmlns:asvg="http://schemas.microsoft.com/office/drawing/2016/SVG/main" xmlns="" r:embed="rId6"/>
                </a:ext>
              </a:extLst>
            </a:blip>
            <a:stretch>
              <a:fillRect/>
            </a:stretch>
          </a:blipFill>
        </p:spPr>
      </p:sp>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anim calcmode="lin" valueType="num">
                                      <p:cBhvr>
                                        <p:cTn id="8" dur="500" fill="hold"/>
                                        <p:tgtEl>
                                          <p:spTgt spid="5"/>
                                        </p:tgtEl>
                                        <p:attrNameLst>
                                          <p:attrName>ppt_x</p:attrName>
                                        </p:attrNameLst>
                                      </p:cBhvr>
                                      <p:tavLst>
                                        <p:tav tm="0">
                                          <p:val>
                                            <p:strVal val="#ppt_x"/>
                                          </p:val>
                                        </p:tav>
                                        <p:tav tm="100000">
                                          <p:val>
                                            <p:strVal val="#ppt_x"/>
                                          </p:val>
                                        </p:tav>
                                      </p:tavLst>
                                    </p:anim>
                                    <p:anim calcmode="lin" valueType="num">
                                      <p:cBhvr>
                                        <p:cTn id="9" dur="500" fill="hold"/>
                                        <p:tgtEl>
                                          <p:spTgt spid="5"/>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37" presetClass="entr" presetSubtype="0" fill="hold" nodeType="clickEffect">
                                  <p:stCondLst>
                                    <p:cond delay="0"/>
                                  </p:stCondLst>
                                  <p:childTnLst>
                                    <p:set>
                                      <p:cBhvr>
                                        <p:cTn id="13" dur="1" fill="hold">
                                          <p:stCondLst>
                                            <p:cond delay="0"/>
                                          </p:stCondLst>
                                        </p:cTn>
                                        <p:tgtEl>
                                          <p:spTgt spid="6"/>
                                        </p:tgtEl>
                                        <p:attrNameLst>
                                          <p:attrName>style.visibility</p:attrName>
                                        </p:attrNameLst>
                                      </p:cBhvr>
                                      <p:to>
                                        <p:strVal val="visible"/>
                                      </p:to>
                                    </p:set>
                                    <p:animEffect transition="in" filter="fade">
                                      <p:cBhvr>
                                        <p:cTn id="14" dur="500"/>
                                        <p:tgtEl>
                                          <p:spTgt spid="6"/>
                                        </p:tgtEl>
                                      </p:cBhvr>
                                    </p:animEffect>
                                    <p:anim calcmode="lin" valueType="num">
                                      <p:cBhvr>
                                        <p:cTn id="15" dur="500" fill="hold"/>
                                        <p:tgtEl>
                                          <p:spTgt spid="6"/>
                                        </p:tgtEl>
                                        <p:attrNameLst>
                                          <p:attrName>ppt_x</p:attrName>
                                        </p:attrNameLst>
                                      </p:cBhvr>
                                      <p:tavLst>
                                        <p:tav tm="0">
                                          <p:val>
                                            <p:strVal val="#ppt_x"/>
                                          </p:val>
                                        </p:tav>
                                        <p:tav tm="100000">
                                          <p:val>
                                            <p:strVal val="#ppt_x"/>
                                          </p:val>
                                        </p:tav>
                                      </p:tavLst>
                                    </p:anim>
                                    <p:anim calcmode="lin" valueType="num">
                                      <p:cBhvr>
                                        <p:cTn id="16" dur="450" decel="100000" fill="hold"/>
                                        <p:tgtEl>
                                          <p:spTgt spid="6"/>
                                        </p:tgtEl>
                                        <p:attrNameLst>
                                          <p:attrName>ppt_y</p:attrName>
                                        </p:attrNameLst>
                                      </p:cBhvr>
                                      <p:tavLst>
                                        <p:tav tm="0">
                                          <p:val>
                                            <p:strVal val="#ppt_y+1"/>
                                          </p:val>
                                        </p:tav>
                                        <p:tav tm="100000">
                                          <p:val>
                                            <p:strVal val="#ppt_y-.03"/>
                                          </p:val>
                                        </p:tav>
                                      </p:tavLst>
                                    </p:anim>
                                    <p:anim calcmode="lin" valueType="num">
                                      <p:cBhvr>
                                        <p:cTn id="17" dur="1" accel="100000" fill="hold">
                                          <p:stCondLst>
                                            <p:cond delay="499"/>
                                          </p:stCondLst>
                                        </p:cTn>
                                        <p:tgtEl>
                                          <p:spTgt spid="6"/>
                                        </p:tgtEl>
                                        <p:attrNameLst>
                                          <p:attrName>ppt_y</p:attrName>
                                        </p:attrNameLst>
                                      </p:cBhvr>
                                      <p:tavLst>
                                        <p:tav tm="0">
                                          <p:val>
                                            <p:strVal val="#ppt_y-.03"/>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757"/>
        <p:cNvGrpSpPr/>
        <p:nvPr/>
      </p:nvGrpSpPr>
      <p:grpSpPr>
        <a:xfrm>
          <a:off x="0" y="0"/>
          <a:ext cx="0" cy="0"/>
          <a:chOff x="0" y="0"/>
          <a:chExt cx="0" cy="0"/>
        </a:xfrm>
      </p:grpSpPr>
      <p:sp>
        <p:nvSpPr>
          <p:cNvPr id="20" name="Title 4">
            <a:extLst>
              <a:ext uri="{FF2B5EF4-FFF2-40B4-BE49-F238E27FC236}">
                <a16:creationId xmlns:a16="http://schemas.microsoft.com/office/drawing/2014/main" xmlns="" id="{FF936C22-03E4-E9D9-9D73-8911459D0A8D}"/>
              </a:ext>
            </a:extLst>
          </p:cNvPr>
          <p:cNvSpPr txBox="1">
            <a:spLocks/>
          </p:cNvSpPr>
          <p:nvPr/>
        </p:nvSpPr>
        <p:spPr>
          <a:xfrm>
            <a:off x="720000" y="384895"/>
            <a:ext cx="7704000" cy="646500"/>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chemeClr val="accent5"/>
              </a:buClr>
              <a:buSzPts val="3000"/>
              <a:buFont typeface="Work Sans Black"/>
              <a:buNone/>
              <a:defRPr sz="3000" b="0" i="0" u="none" strike="noStrike" cap="none">
                <a:solidFill>
                  <a:schemeClr val="accent5"/>
                </a:solidFill>
                <a:latin typeface="Work Sans Black"/>
                <a:ea typeface="Work Sans Black"/>
                <a:cs typeface="Work Sans Black"/>
                <a:sym typeface="Work Sans Black"/>
              </a:defRPr>
            </a:lvl1pPr>
            <a:lvl2pPr marR="0" lvl="1"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2pPr>
            <a:lvl3pPr marR="0" lvl="2"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3pPr>
            <a:lvl4pPr marR="0" lvl="3"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4pPr>
            <a:lvl5pPr marR="0" lvl="4"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5pPr>
            <a:lvl6pPr marR="0" lvl="5"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6pPr>
            <a:lvl7pPr marR="0" lvl="6"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7pPr>
            <a:lvl8pPr marR="0" lvl="7"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8pPr>
            <a:lvl9pPr marR="0" lvl="8"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9pPr>
          </a:lstStyle>
          <a:p>
            <a:pPr algn="ctr"/>
            <a:r>
              <a:rPr lang="vi-VN" sz="2400" b="1" dirty="0">
                <a:solidFill>
                  <a:srgbClr val="DC7C12"/>
                </a:solidFill>
                <a:latin typeface="Arial" panose="020B0604020202020204" pitchFamily="34" charset="0"/>
                <a:cs typeface="Arial" panose="020B0604020202020204" pitchFamily="34" charset="0"/>
              </a:rPr>
              <a:t>Quan sát thông tin SGK tr. 12 và thực hiện yêu cầu</a:t>
            </a:r>
          </a:p>
        </p:txBody>
      </p:sp>
      <p:grpSp>
        <p:nvGrpSpPr>
          <p:cNvPr id="21" name="Group 20">
            <a:extLst>
              <a:ext uri="{FF2B5EF4-FFF2-40B4-BE49-F238E27FC236}">
                <a16:creationId xmlns:a16="http://schemas.microsoft.com/office/drawing/2014/main" xmlns="" id="{77A983EB-9D13-4646-42E5-F9B27A174446}"/>
              </a:ext>
            </a:extLst>
          </p:cNvPr>
          <p:cNvGrpSpPr/>
          <p:nvPr/>
        </p:nvGrpSpPr>
        <p:grpSpPr>
          <a:xfrm>
            <a:off x="3794860" y="1262774"/>
            <a:ext cx="4942740" cy="2780276"/>
            <a:chOff x="1069578" y="1903923"/>
            <a:chExt cx="4942740" cy="2780276"/>
          </a:xfrm>
        </p:grpSpPr>
        <p:grpSp>
          <p:nvGrpSpPr>
            <p:cNvPr id="22" name="Group 21">
              <a:extLst>
                <a:ext uri="{FF2B5EF4-FFF2-40B4-BE49-F238E27FC236}">
                  <a16:creationId xmlns:a16="http://schemas.microsoft.com/office/drawing/2014/main" xmlns="" id="{752EE5DF-7AE4-C50B-DC9F-23A42A4F7831}"/>
                </a:ext>
              </a:extLst>
            </p:cNvPr>
            <p:cNvGrpSpPr/>
            <p:nvPr/>
          </p:nvGrpSpPr>
          <p:grpSpPr>
            <a:xfrm>
              <a:off x="1069578" y="1903923"/>
              <a:ext cx="4942740" cy="2780276"/>
              <a:chOff x="996092" y="1248504"/>
              <a:chExt cx="4942740" cy="2780276"/>
            </a:xfrm>
          </p:grpSpPr>
          <p:sp>
            <p:nvSpPr>
              <p:cNvPr id="24" name="Rectangle: Diagonal Corners Rounded 23">
                <a:extLst>
                  <a:ext uri="{FF2B5EF4-FFF2-40B4-BE49-F238E27FC236}">
                    <a16:creationId xmlns:a16="http://schemas.microsoft.com/office/drawing/2014/main" xmlns="" id="{948077EF-98E2-8F29-FD5F-838468012344}"/>
                  </a:ext>
                </a:extLst>
              </p:cNvPr>
              <p:cNvSpPr/>
              <p:nvPr/>
            </p:nvSpPr>
            <p:spPr>
              <a:xfrm flipH="1">
                <a:off x="1175980" y="1506081"/>
                <a:ext cx="4762852" cy="2522699"/>
              </a:xfrm>
              <a:prstGeom prst="round2DiagRect">
                <a:avLst>
                  <a:gd name="adj1" fmla="val 21105"/>
                  <a:gd name="adj2" fmla="val 0"/>
                </a:avLst>
              </a:prstGeom>
              <a:solidFill>
                <a:srgbClr val="D7EDDD"/>
              </a:solidFill>
              <a:ln>
                <a:solidFill>
                  <a:srgbClr val="D7EDDD"/>
                </a:solidFill>
              </a:ln>
            </p:spPr>
            <p:style>
              <a:lnRef idx="2">
                <a:schemeClr val="accent1">
                  <a:shade val="15000"/>
                </a:schemeClr>
              </a:lnRef>
              <a:fillRef idx="1">
                <a:schemeClr val="accent1"/>
              </a:fillRef>
              <a:effectRef idx="0">
                <a:schemeClr val="accent1"/>
              </a:effectRef>
              <a:fontRef idx="minor">
                <a:schemeClr val="lt1"/>
              </a:fontRef>
            </p:style>
            <p:txBody>
              <a:bodyPr bIns="108000" rtlCol="0" anchor="ctr"/>
              <a:lstStyle/>
              <a:p>
                <a:pPr algn="just">
                  <a:lnSpc>
                    <a:spcPct val="150000"/>
                  </a:lnSpc>
                </a:pPr>
                <a:r>
                  <a:rPr lang="vi-VN" sz="2000" dirty="0">
                    <a:solidFill>
                      <a:srgbClr val="000000"/>
                    </a:solidFill>
                    <a:effectLst/>
                    <a:latin typeface="Arial" panose="020B0604020202020204" pitchFamily="34" charset="0"/>
                    <a:cs typeface="Arial" panose="020B0604020202020204" pitchFamily="34" charset="0"/>
                  </a:rPr>
                  <a:t>+ Nêu mục đích của phân luồng hệ thống giáo dục.</a:t>
                </a:r>
                <a:endParaRPr lang="vi-VN" sz="2000" dirty="0">
                  <a:effectLst/>
                  <a:latin typeface="Arial" panose="020B0604020202020204" pitchFamily="34" charset="0"/>
                  <a:cs typeface="Arial" panose="020B0604020202020204" pitchFamily="34" charset="0"/>
                </a:endParaRPr>
              </a:p>
              <a:p>
                <a:pPr algn="just">
                  <a:lnSpc>
                    <a:spcPct val="150000"/>
                  </a:lnSpc>
                </a:pPr>
                <a:r>
                  <a:rPr lang="vi-VN" sz="2000" dirty="0">
                    <a:solidFill>
                      <a:srgbClr val="000000"/>
                    </a:solidFill>
                    <a:effectLst/>
                    <a:latin typeface="Arial" panose="020B0604020202020204" pitchFamily="34" charset="0"/>
                    <a:cs typeface="Arial" panose="020B0604020202020204" pitchFamily="34" charset="0"/>
                  </a:rPr>
                  <a:t>+ Phân luồng hệ thống giáo dục trong nhà trường phổ thông có những thời điểm nào và mục đích là gì?</a:t>
                </a:r>
                <a:endParaRPr lang="vi-VN" sz="2000" dirty="0">
                  <a:effectLst/>
                  <a:latin typeface="Arial" panose="020B0604020202020204" pitchFamily="34" charset="0"/>
                  <a:cs typeface="Arial" panose="020B0604020202020204" pitchFamily="34" charset="0"/>
                </a:endParaRPr>
              </a:p>
            </p:txBody>
          </p:sp>
          <p:sp>
            <p:nvSpPr>
              <p:cNvPr id="25" name="Speech Bubble: Rectangle with Corners Rounded 19">
                <a:extLst>
                  <a:ext uri="{FF2B5EF4-FFF2-40B4-BE49-F238E27FC236}">
                    <a16:creationId xmlns:a16="http://schemas.microsoft.com/office/drawing/2014/main" xmlns="" id="{D34C465D-F285-E9B5-62FE-465B71FB82F2}"/>
                  </a:ext>
                </a:extLst>
              </p:cNvPr>
              <p:cNvSpPr/>
              <p:nvPr/>
            </p:nvSpPr>
            <p:spPr>
              <a:xfrm>
                <a:off x="996092" y="1248504"/>
                <a:ext cx="596723" cy="478358"/>
              </a:xfrm>
              <a:custGeom>
                <a:avLst/>
                <a:gdLst>
                  <a:gd name="connsiteX0" fmla="*/ 0 w 478358"/>
                  <a:gd name="connsiteY0" fmla="*/ 79728 h 478358"/>
                  <a:gd name="connsiteX1" fmla="*/ 79728 w 478358"/>
                  <a:gd name="connsiteY1" fmla="*/ 0 h 478358"/>
                  <a:gd name="connsiteX2" fmla="*/ 279042 w 478358"/>
                  <a:gd name="connsiteY2" fmla="*/ 0 h 478358"/>
                  <a:gd name="connsiteX3" fmla="*/ 279042 w 478358"/>
                  <a:gd name="connsiteY3" fmla="*/ 0 h 478358"/>
                  <a:gd name="connsiteX4" fmla="*/ 398632 w 478358"/>
                  <a:gd name="connsiteY4" fmla="*/ 0 h 478358"/>
                  <a:gd name="connsiteX5" fmla="*/ 398630 w 478358"/>
                  <a:gd name="connsiteY5" fmla="*/ 0 h 478358"/>
                  <a:gd name="connsiteX6" fmla="*/ 478358 w 478358"/>
                  <a:gd name="connsiteY6" fmla="*/ 79728 h 478358"/>
                  <a:gd name="connsiteX7" fmla="*/ 478358 w 478358"/>
                  <a:gd name="connsiteY7" fmla="*/ 279042 h 478358"/>
                  <a:gd name="connsiteX8" fmla="*/ 596723 w 478358"/>
                  <a:gd name="connsiteY8" fmla="*/ 305924 h 478358"/>
                  <a:gd name="connsiteX9" fmla="*/ 478358 w 478358"/>
                  <a:gd name="connsiteY9" fmla="*/ 398632 h 478358"/>
                  <a:gd name="connsiteX10" fmla="*/ 478358 w 478358"/>
                  <a:gd name="connsiteY10" fmla="*/ 398630 h 478358"/>
                  <a:gd name="connsiteX11" fmla="*/ 398630 w 478358"/>
                  <a:gd name="connsiteY11" fmla="*/ 478358 h 478358"/>
                  <a:gd name="connsiteX12" fmla="*/ 398632 w 478358"/>
                  <a:gd name="connsiteY12" fmla="*/ 478358 h 478358"/>
                  <a:gd name="connsiteX13" fmla="*/ 279042 w 478358"/>
                  <a:gd name="connsiteY13" fmla="*/ 478358 h 478358"/>
                  <a:gd name="connsiteX14" fmla="*/ 279042 w 478358"/>
                  <a:gd name="connsiteY14" fmla="*/ 478358 h 478358"/>
                  <a:gd name="connsiteX15" fmla="*/ 79728 w 478358"/>
                  <a:gd name="connsiteY15" fmla="*/ 478358 h 478358"/>
                  <a:gd name="connsiteX16" fmla="*/ 0 w 478358"/>
                  <a:gd name="connsiteY16" fmla="*/ 398630 h 478358"/>
                  <a:gd name="connsiteX17" fmla="*/ 0 w 478358"/>
                  <a:gd name="connsiteY17" fmla="*/ 398632 h 478358"/>
                  <a:gd name="connsiteX18" fmla="*/ 0 w 478358"/>
                  <a:gd name="connsiteY18" fmla="*/ 279042 h 478358"/>
                  <a:gd name="connsiteX19" fmla="*/ 0 w 478358"/>
                  <a:gd name="connsiteY19" fmla="*/ 279042 h 478358"/>
                  <a:gd name="connsiteX20" fmla="*/ 0 w 478358"/>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305924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422038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596723" h="478358">
                    <a:moveTo>
                      <a:pt x="0" y="79728"/>
                    </a:moveTo>
                    <a:cubicBezTo>
                      <a:pt x="0" y="35695"/>
                      <a:pt x="35695" y="0"/>
                      <a:pt x="79728" y="0"/>
                    </a:cubicBezTo>
                    <a:lnTo>
                      <a:pt x="279042" y="0"/>
                    </a:lnTo>
                    <a:lnTo>
                      <a:pt x="279042" y="0"/>
                    </a:lnTo>
                    <a:lnTo>
                      <a:pt x="398632" y="0"/>
                    </a:lnTo>
                    <a:lnTo>
                      <a:pt x="398630" y="0"/>
                    </a:lnTo>
                    <a:cubicBezTo>
                      <a:pt x="442663" y="0"/>
                      <a:pt x="478358" y="35695"/>
                      <a:pt x="478358" y="79728"/>
                    </a:cubicBezTo>
                    <a:lnTo>
                      <a:pt x="478358" y="279042"/>
                    </a:lnTo>
                    <a:lnTo>
                      <a:pt x="596723" y="422038"/>
                    </a:lnTo>
                    <a:lnTo>
                      <a:pt x="478358" y="398632"/>
                    </a:lnTo>
                    <a:lnTo>
                      <a:pt x="478358" y="340573"/>
                    </a:lnTo>
                    <a:cubicBezTo>
                      <a:pt x="478358" y="384606"/>
                      <a:pt x="442663" y="478358"/>
                      <a:pt x="398630" y="478358"/>
                    </a:cubicBezTo>
                    <a:lnTo>
                      <a:pt x="398632" y="478358"/>
                    </a:lnTo>
                    <a:lnTo>
                      <a:pt x="279042" y="478358"/>
                    </a:lnTo>
                    <a:lnTo>
                      <a:pt x="279042" y="478358"/>
                    </a:lnTo>
                    <a:lnTo>
                      <a:pt x="79728" y="478358"/>
                    </a:lnTo>
                    <a:cubicBezTo>
                      <a:pt x="35695" y="478358"/>
                      <a:pt x="0" y="442663"/>
                      <a:pt x="0" y="398630"/>
                    </a:cubicBezTo>
                    <a:lnTo>
                      <a:pt x="0" y="398632"/>
                    </a:lnTo>
                    <a:lnTo>
                      <a:pt x="0" y="279042"/>
                    </a:lnTo>
                    <a:lnTo>
                      <a:pt x="0" y="279042"/>
                    </a:lnTo>
                    <a:lnTo>
                      <a:pt x="0" y="79728"/>
                    </a:lnTo>
                    <a:close/>
                  </a:path>
                </a:pathLst>
              </a:custGeom>
              <a:solidFill>
                <a:srgbClr val="00AEEF"/>
              </a:solidFill>
              <a:ln w="19050">
                <a:solidFill>
                  <a:schemeClr val="accent6"/>
                </a:solidFill>
              </a:ln>
            </p:spPr>
            <p:style>
              <a:lnRef idx="3">
                <a:schemeClr val="lt1"/>
              </a:lnRef>
              <a:fillRef idx="1">
                <a:schemeClr val="accent4"/>
              </a:fillRef>
              <a:effectRef idx="1">
                <a:schemeClr val="accent4"/>
              </a:effectRef>
              <a:fontRef idx="minor">
                <a:schemeClr val="lt1"/>
              </a:fontRef>
            </p:style>
            <p:txBody>
              <a:bodyPr rtlCol="0" anchor="ctr"/>
              <a:lstStyle/>
              <a:p>
                <a:pPr algn="ctr"/>
                <a:endParaRPr lang="vi-VN">
                  <a:latin typeface="Arial" panose="020B0604020202020204" pitchFamily="34" charset="0"/>
                  <a:cs typeface="Arial" panose="020B0604020202020204" pitchFamily="34" charset="0"/>
                </a:endParaRPr>
              </a:p>
            </p:txBody>
          </p:sp>
        </p:grpSp>
        <p:pic>
          <p:nvPicPr>
            <p:cNvPr id="23" name="Picture 13">
              <a:extLst>
                <a:ext uri="{FF2B5EF4-FFF2-40B4-BE49-F238E27FC236}">
                  <a16:creationId xmlns:a16="http://schemas.microsoft.com/office/drawing/2014/main" xmlns="" id="{143BDDFD-86F5-2E77-95DA-313718D1FA62}"/>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195815" y="1977508"/>
              <a:ext cx="224555" cy="352872"/>
            </a:xfrm>
            <a:prstGeom prst="rect">
              <a:avLst/>
            </a:prstGeom>
          </p:spPr>
        </p:pic>
      </p:grpSp>
      <p:sp>
        <p:nvSpPr>
          <p:cNvPr id="26" name="Arrow: Pentagon 25">
            <a:extLst>
              <a:ext uri="{FF2B5EF4-FFF2-40B4-BE49-F238E27FC236}">
                <a16:creationId xmlns:a16="http://schemas.microsoft.com/office/drawing/2014/main" xmlns="" id="{F50AA974-1393-00CB-24A6-7D2C5BC15B7F}"/>
              </a:ext>
            </a:extLst>
          </p:cNvPr>
          <p:cNvSpPr/>
          <p:nvPr/>
        </p:nvSpPr>
        <p:spPr>
          <a:xfrm>
            <a:off x="117695" y="3874355"/>
            <a:ext cx="3525926" cy="559421"/>
          </a:xfrm>
          <a:prstGeom prst="homePlate">
            <a:avLst/>
          </a:prstGeom>
          <a:solidFill>
            <a:schemeClr val="bg1"/>
          </a:solidFill>
          <a:ln>
            <a:solidFill>
              <a:schemeClr val="bg1"/>
            </a:solidFill>
          </a:ln>
        </p:spPr>
        <p:style>
          <a:lnRef idx="1">
            <a:schemeClr val="accent2"/>
          </a:lnRef>
          <a:fillRef idx="2">
            <a:schemeClr val="accent2"/>
          </a:fillRef>
          <a:effectRef idx="1">
            <a:schemeClr val="accent2"/>
          </a:effectRef>
          <a:fontRef idx="minor">
            <a:schemeClr val="dk1"/>
          </a:fontRef>
        </p:style>
        <p:txBody>
          <a:bodyPr rtlCol="0" anchor="ctr"/>
          <a:lstStyle/>
          <a:p>
            <a:pPr algn="ctr"/>
            <a:r>
              <a:rPr lang="vi-VN" sz="2200" b="1" dirty="0">
                <a:solidFill>
                  <a:schemeClr val="bg2">
                    <a:lumMod val="10000"/>
                  </a:schemeClr>
                </a:solidFill>
                <a:latin typeface="Arial" panose="020B0604020202020204" pitchFamily="34" charset="0"/>
                <a:cs typeface="Arial" panose="020B0604020202020204" pitchFamily="34" charset="0"/>
              </a:rPr>
              <a:t>THẢO LUẬN NHÓM</a:t>
            </a:r>
          </a:p>
        </p:txBody>
      </p:sp>
      <p:sp>
        <p:nvSpPr>
          <p:cNvPr id="27" name="Freeform 51">
            <a:extLst>
              <a:ext uri="{FF2B5EF4-FFF2-40B4-BE49-F238E27FC236}">
                <a16:creationId xmlns:a16="http://schemas.microsoft.com/office/drawing/2014/main" xmlns="" id="{4E137128-A44E-31E2-2044-228E16272696}"/>
              </a:ext>
            </a:extLst>
          </p:cNvPr>
          <p:cNvSpPr/>
          <p:nvPr/>
        </p:nvSpPr>
        <p:spPr>
          <a:xfrm>
            <a:off x="508658" y="1262774"/>
            <a:ext cx="2967790" cy="2126016"/>
          </a:xfrm>
          <a:custGeom>
            <a:avLst/>
            <a:gdLst/>
            <a:ahLst/>
            <a:cxnLst/>
            <a:rect l="l" t="t" r="r" b="b"/>
            <a:pathLst>
              <a:path w="1268345" h="908596">
                <a:moveTo>
                  <a:pt x="0" y="0"/>
                </a:moveTo>
                <a:lnTo>
                  <a:pt x="1268345" y="0"/>
                </a:lnTo>
                <a:lnTo>
                  <a:pt x="1268345" y="908596"/>
                </a:lnTo>
                <a:lnTo>
                  <a:pt x="0" y="908596"/>
                </a:lnTo>
                <a:lnTo>
                  <a:pt x="0" y="0"/>
                </a:lnTo>
                <a:close/>
              </a:path>
            </a:pathLst>
          </a:custGeom>
          <a:blipFill>
            <a:blip r:embed="rId6">
              <a:extLst>
                <a:ext uri="{96DAC541-7B7A-43D3-8B79-37D633B846F1}">
                  <asvg:svgBlip xmlns:asvg="http://schemas.microsoft.com/office/drawing/2016/SVG/main" xmlns="" r:embed="rId7"/>
                </a:ext>
              </a:extLst>
            </a:blip>
            <a:stretch>
              <a:fillRect/>
            </a:stretch>
          </a:blipFill>
        </p:spPr>
      </p:sp>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6"/>
                                        </p:tgtEl>
                                        <p:attrNameLst>
                                          <p:attrName>style.visibility</p:attrName>
                                        </p:attrNameLst>
                                      </p:cBhvr>
                                      <p:to>
                                        <p:strVal val="visible"/>
                                      </p:to>
                                    </p:set>
                                    <p:animEffect transition="in" filter="wipe(left)">
                                      <p:cBhvr>
                                        <p:cTn id="7" dur="500"/>
                                        <p:tgtEl>
                                          <p:spTgt spid="26"/>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nodeType="clickEffect">
                                  <p:stCondLst>
                                    <p:cond delay="0"/>
                                  </p:stCondLst>
                                  <p:childTnLst>
                                    <p:set>
                                      <p:cBhvr>
                                        <p:cTn id="11" dur="1" fill="hold">
                                          <p:stCondLst>
                                            <p:cond delay="0"/>
                                          </p:stCondLst>
                                        </p:cTn>
                                        <p:tgtEl>
                                          <p:spTgt spid="21"/>
                                        </p:tgtEl>
                                        <p:attrNameLst>
                                          <p:attrName>style.visibility</p:attrName>
                                        </p:attrNameLst>
                                      </p:cBhvr>
                                      <p:to>
                                        <p:strVal val="visible"/>
                                      </p:to>
                                    </p:set>
                                    <p:animEffect transition="in" filter="wipe(up)">
                                      <p:cBhvr>
                                        <p:cTn id="12" dur="50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6"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770"/>
        <p:cNvGrpSpPr/>
        <p:nvPr/>
      </p:nvGrpSpPr>
      <p:grpSpPr>
        <a:xfrm>
          <a:off x="0" y="0"/>
          <a:ext cx="0" cy="0"/>
          <a:chOff x="0" y="0"/>
          <a:chExt cx="0" cy="0"/>
        </a:xfrm>
      </p:grpSpPr>
      <p:sp>
        <p:nvSpPr>
          <p:cNvPr id="3" name="Title 2">
            <a:extLst>
              <a:ext uri="{FF2B5EF4-FFF2-40B4-BE49-F238E27FC236}">
                <a16:creationId xmlns:a16="http://schemas.microsoft.com/office/drawing/2014/main" xmlns="" id="{D1C612E8-EC38-9269-8047-C0A2102EC4DD}"/>
              </a:ext>
            </a:extLst>
          </p:cNvPr>
          <p:cNvSpPr>
            <a:spLocks noGrp="1"/>
          </p:cNvSpPr>
          <p:nvPr>
            <p:ph type="title"/>
          </p:nvPr>
        </p:nvSpPr>
        <p:spPr>
          <a:xfrm>
            <a:off x="720000" y="408872"/>
            <a:ext cx="7704000" cy="483757"/>
          </a:xfrm>
        </p:spPr>
        <p:txBody>
          <a:bodyPr anchor="ctr"/>
          <a:lstStyle/>
          <a:p>
            <a:pPr algn="ctr"/>
            <a:r>
              <a:rPr lang="vi-VN" sz="2400" b="1" dirty="0">
                <a:solidFill>
                  <a:schemeClr val="accent1">
                    <a:lumMod val="75000"/>
                  </a:schemeClr>
                </a:solidFill>
                <a:latin typeface="Arial" panose="020B0604020202020204" pitchFamily="34" charset="0"/>
                <a:cs typeface="Arial" panose="020B0604020202020204" pitchFamily="34" charset="0"/>
              </a:rPr>
              <a:t>Phân luồng trong hệ thống giáo dục</a:t>
            </a:r>
          </a:p>
        </p:txBody>
      </p:sp>
      <p:sp>
        <p:nvSpPr>
          <p:cNvPr id="28" name="Arrow: Pentagon 27">
            <a:extLst>
              <a:ext uri="{FF2B5EF4-FFF2-40B4-BE49-F238E27FC236}">
                <a16:creationId xmlns:a16="http://schemas.microsoft.com/office/drawing/2014/main" xmlns="" id="{30417313-489C-7D12-C071-1F336895462E}"/>
              </a:ext>
            </a:extLst>
          </p:cNvPr>
          <p:cNvSpPr/>
          <p:nvPr/>
        </p:nvSpPr>
        <p:spPr>
          <a:xfrm>
            <a:off x="0" y="1148506"/>
            <a:ext cx="627005" cy="241925"/>
          </a:xfrm>
          <a:prstGeom prst="homePlate">
            <a:avLst/>
          </a:prstGeom>
          <a:solidFill>
            <a:schemeClr val="accent5"/>
          </a:solidFill>
          <a:ln>
            <a:solidFill>
              <a:schemeClr val="accent5"/>
            </a:solidFill>
          </a:ln>
        </p:spPr>
        <p:style>
          <a:lnRef idx="1">
            <a:schemeClr val="accent2"/>
          </a:lnRef>
          <a:fillRef idx="2">
            <a:schemeClr val="accent2"/>
          </a:fillRef>
          <a:effectRef idx="1">
            <a:schemeClr val="accent2"/>
          </a:effectRef>
          <a:fontRef idx="minor">
            <a:schemeClr val="dk1"/>
          </a:fontRef>
        </p:style>
        <p:txBody>
          <a:bodyPr rtlCol="0" anchor="ctr"/>
          <a:lstStyle/>
          <a:p>
            <a:pPr algn="ctr"/>
            <a:endParaRPr lang="vi-VN" sz="2200" b="1" dirty="0">
              <a:solidFill>
                <a:schemeClr val="bg1"/>
              </a:solidFill>
              <a:latin typeface="Arial" panose="020B0604020202020204" pitchFamily="34" charset="0"/>
              <a:cs typeface="Arial" panose="020B0604020202020204" pitchFamily="34" charset="0"/>
            </a:endParaRPr>
          </a:p>
        </p:txBody>
      </p:sp>
      <p:sp>
        <p:nvSpPr>
          <p:cNvPr id="29" name="TextBox 28">
            <a:extLst>
              <a:ext uri="{FF2B5EF4-FFF2-40B4-BE49-F238E27FC236}">
                <a16:creationId xmlns:a16="http://schemas.microsoft.com/office/drawing/2014/main" xmlns="" id="{2EC114B0-1FA3-48DB-4391-A433D701A992}"/>
              </a:ext>
            </a:extLst>
          </p:cNvPr>
          <p:cNvSpPr txBox="1"/>
          <p:nvPr/>
        </p:nvSpPr>
        <p:spPr>
          <a:xfrm>
            <a:off x="700156" y="1069413"/>
            <a:ext cx="4588733" cy="400110"/>
          </a:xfrm>
          <a:prstGeom prst="rect">
            <a:avLst/>
          </a:prstGeom>
          <a:noFill/>
        </p:spPr>
        <p:txBody>
          <a:bodyPr wrap="square">
            <a:spAutoFit/>
          </a:bodyPr>
          <a:lstStyle/>
          <a:p>
            <a:r>
              <a:rPr lang="vi-VN" sz="2000" b="1" dirty="0">
                <a:solidFill>
                  <a:schemeClr val="accent5"/>
                </a:solidFill>
              </a:rPr>
              <a:t>Khái niệm</a:t>
            </a:r>
          </a:p>
        </p:txBody>
      </p:sp>
      <p:sp>
        <p:nvSpPr>
          <p:cNvPr id="30" name="Rectangle: Diagonal Corners Rounded 29">
            <a:extLst>
              <a:ext uri="{FF2B5EF4-FFF2-40B4-BE49-F238E27FC236}">
                <a16:creationId xmlns:a16="http://schemas.microsoft.com/office/drawing/2014/main" xmlns="" id="{4F7CE5AD-33B6-580F-89BD-885D53FE8AE9}"/>
              </a:ext>
            </a:extLst>
          </p:cNvPr>
          <p:cNvSpPr/>
          <p:nvPr/>
        </p:nvSpPr>
        <p:spPr>
          <a:xfrm>
            <a:off x="2994522" y="1539356"/>
            <a:ext cx="5803927" cy="3194207"/>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108000" rtlCol="0" anchor="ctr"/>
          <a:lstStyle/>
          <a:p>
            <a:pPr algn="just">
              <a:lnSpc>
                <a:spcPct val="150000"/>
              </a:lnSpc>
            </a:pPr>
            <a:r>
              <a:rPr lang="vi-VN" sz="1800" b="1" dirty="0">
                <a:latin typeface="Arial" panose="020B0604020202020204" pitchFamily="34" charset="0"/>
                <a:cs typeface="Arial" panose="020B0604020202020204" pitchFamily="34" charset="0"/>
              </a:rPr>
              <a:t>Phân luồng trong hệ thống giáo dục </a:t>
            </a:r>
            <a:r>
              <a:rPr lang="vi-VN" sz="1800" dirty="0">
                <a:latin typeface="Arial" panose="020B0604020202020204" pitchFamily="34" charset="0"/>
                <a:cs typeface="Arial" panose="020B0604020202020204" pitchFamily="34" charset="0"/>
              </a:rPr>
              <a:t>là biện pháp tổ chức giáo dục dựa trên cơ sở thực hiện hướng nghiệp trong giáo dục, tạo điều kiện để học sinh tốt nghiệp THCS, THPT tiếp tục học ở các cấp học, trình độ cao hơn hoặc theo học giáo dục nghề nghiệp hoặc tham gia lao động phù hợp với năng lực điều kiện cụ thể của cá nhân và nhu cầu xã hội.</a:t>
            </a:r>
          </a:p>
        </p:txBody>
      </p:sp>
      <p:sp>
        <p:nvSpPr>
          <p:cNvPr id="31" name="Freeform 102">
            <a:extLst>
              <a:ext uri="{FF2B5EF4-FFF2-40B4-BE49-F238E27FC236}">
                <a16:creationId xmlns:a16="http://schemas.microsoft.com/office/drawing/2014/main" xmlns="" id="{B4304840-0523-1E37-1F93-DE3C9EEBAA82}"/>
              </a:ext>
            </a:extLst>
          </p:cNvPr>
          <p:cNvSpPr/>
          <p:nvPr/>
        </p:nvSpPr>
        <p:spPr>
          <a:xfrm>
            <a:off x="179701" y="2322633"/>
            <a:ext cx="2750865" cy="2572061"/>
          </a:xfrm>
          <a:custGeom>
            <a:avLst/>
            <a:gdLst/>
            <a:ahLst/>
            <a:cxnLst/>
            <a:rect l="l" t="t" r="r" b="b"/>
            <a:pathLst>
              <a:path w="1196762" h="1118973">
                <a:moveTo>
                  <a:pt x="0" y="0"/>
                </a:moveTo>
                <a:lnTo>
                  <a:pt x="1196762" y="0"/>
                </a:lnTo>
                <a:lnTo>
                  <a:pt x="1196762" y="1118973"/>
                </a:lnTo>
                <a:lnTo>
                  <a:pt x="0" y="1118973"/>
                </a:lnTo>
                <a:lnTo>
                  <a:pt x="0" y="0"/>
                </a:lnTo>
                <a:close/>
              </a:path>
            </a:pathLst>
          </a:custGeom>
          <a:blipFill>
            <a:blip r:embed="rId4"/>
            <a:stretch>
              <a:fillRect/>
            </a:stretch>
          </a:blipFill>
        </p:spPr>
      </p:sp>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8"/>
                                        </p:tgtEl>
                                        <p:attrNameLst>
                                          <p:attrName>style.visibility</p:attrName>
                                        </p:attrNameLst>
                                      </p:cBhvr>
                                      <p:to>
                                        <p:strVal val="visible"/>
                                      </p:to>
                                    </p:set>
                                    <p:animEffect transition="in" filter="wipe(left)">
                                      <p:cBhvr>
                                        <p:cTn id="7" dur="500"/>
                                        <p:tgtEl>
                                          <p:spTgt spid="28"/>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29"/>
                                        </p:tgtEl>
                                        <p:attrNameLst>
                                          <p:attrName>style.visibility</p:attrName>
                                        </p:attrNameLst>
                                      </p:cBhvr>
                                      <p:to>
                                        <p:strVal val="visible"/>
                                      </p:to>
                                    </p:set>
                                    <p:animEffect transition="in" filter="wipe(down)">
                                      <p:cBhvr>
                                        <p:cTn id="10" dur="500"/>
                                        <p:tgtEl>
                                          <p:spTgt spid="29"/>
                                        </p:tgtEl>
                                      </p:cBhvr>
                                    </p:animEffect>
                                  </p:childTnLst>
                                </p:cTn>
                              </p:par>
                            </p:childTnLst>
                          </p:cTn>
                        </p:par>
                      </p:childTnLst>
                    </p:cTn>
                  </p:par>
                  <p:par>
                    <p:cTn id="11" fill="hold">
                      <p:stCondLst>
                        <p:cond delay="indefinite"/>
                      </p:stCondLst>
                      <p:childTnLst>
                        <p:par>
                          <p:cTn id="12" fill="hold">
                            <p:stCondLst>
                              <p:cond delay="0"/>
                            </p:stCondLst>
                            <p:childTnLst>
                              <p:par>
                                <p:cTn id="13" presetID="3" presetClass="entr" presetSubtype="10" fill="hold" grpId="0" nodeType="clickEffect">
                                  <p:stCondLst>
                                    <p:cond delay="0"/>
                                  </p:stCondLst>
                                  <p:childTnLst>
                                    <p:set>
                                      <p:cBhvr>
                                        <p:cTn id="14" dur="1" fill="hold">
                                          <p:stCondLst>
                                            <p:cond delay="0"/>
                                          </p:stCondLst>
                                        </p:cTn>
                                        <p:tgtEl>
                                          <p:spTgt spid="30"/>
                                        </p:tgtEl>
                                        <p:attrNameLst>
                                          <p:attrName>style.visibility</p:attrName>
                                        </p:attrNameLst>
                                      </p:cBhvr>
                                      <p:to>
                                        <p:strVal val="visible"/>
                                      </p:to>
                                    </p:set>
                                    <p:animEffect transition="in" filter="blinds(horizontal)">
                                      <p:cBhvr>
                                        <p:cTn id="15" dur="5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8" grpId="0" animBg="1"/>
      <p:bldP spid="29" grpId="0"/>
      <p:bldP spid="30"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770"/>
        <p:cNvGrpSpPr/>
        <p:nvPr/>
      </p:nvGrpSpPr>
      <p:grpSpPr>
        <a:xfrm>
          <a:off x="0" y="0"/>
          <a:ext cx="0" cy="0"/>
          <a:chOff x="0" y="0"/>
          <a:chExt cx="0" cy="0"/>
        </a:xfrm>
      </p:grpSpPr>
      <p:sp>
        <p:nvSpPr>
          <p:cNvPr id="3" name="Title 2">
            <a:extLst>
              <a:ext uri="{FF2B5EF4-FFF2-40B4-BE49-F238E27FC236}">
                <a16:creationId xmlns:a16="http://schemas.microsoft.com/office/drawing/2014/main" xmlns="" id="{D1C612E8-EC38-9269-8047-C0A2102EC4DD}"/>
              </a:ext>
            </a:extLst>
          </p:cNvPr>
          <p:cNvSpPr>
            <a:spLocks noGrp="1"/>
          </p:cNvSpPr>
          <p:nvPr>
            <p:ph type="title"/>
          </p:nvPr>
        </p:nvSpPr>
        <p:spPr>
          <a:xfrm>
            <a:off x="532776" y="408872"/>
            <a:ext cx="8078448" cy="483757"/>
          </a:xfrm>
        </p:spPr>
        <p:txBody>
          <a:bodyPr anchor="ctr"/>
          <a:lstStyle/>
          <a:p>
            <a:pPr algn="ctr"/>
            <a:r>
              <a:rPr lang="vi-VN" sz="2400" b="1" dirty="0">
                <a:solidFill>
                  <a:schemeClr val="accent1">
                    <a:lumMod val="75000"/>
                  </a:schemeClr>
                </a:solidFill>
                <a:latin typeface="Arial" panose="020B0604020202020204" pitchFamily="34" charset="0"/>
                <a:cs typeface="Arial" panose="020B0604020202020204" pitchFamily="34" charset="0"/>
              </a:rPr>
              <a:t>Phân luồng trong hệ thống giáo dục</a:t>
            </a:r>
          </a:p>
        </p:txBody>
      </p:sp>
      <p:sp>
        <p:nvSpPr>
          <p:cNvPr id="28" name="Arrow: Pentagon 27">
            <a:extLst>
              <a:ext uri="{FF2B5EF4-FFF2-40B4-BE49-F238E27FC236}">
                <a16:creationId xmlns:a16="http://schemas.microsoft.com/office/drawing/2014/main" xmlns="" id="{30417313-489C-7D12-C071-1F336895462E}"/>
              </a:ext>
            </a:extLst>
          </p:cNvPr>
          <p:cNvSpPr/>
          <p:nvPr/>
        </p:nvSpPr>
        <p:spPr>
          <a:xfrm>
            <a:off x="0" y="1039649"/>
            <a:ext cx="627005" cy="241925"/>
          </a:xfrm>
          <a:prstGeom prst="homePlate">
            <a:avLst/>
          </a:prstGeom>
          <a:solidFill>
            <a:schemeClr val="accent5"/>
          </a:solidFill>
          <a:ln>
            <a:solidFill>
              <a:schemeClr val="accent5"/>
            </a:solidFill>
          </a:ln>
        </p:spPr>
        <p:style>
          <a:lnRef idx="1">
            <a:schemeClr val="accent2"/>
          </a:lnRef>
          <a:fillRef idx="2">
            <a:schemeClr val="accent2"/>
          </a:fillRef>
          <a:effectRef idx="1">
            <a:schemeClr val="accent2"/>
          </a:effectRef>
          <a:fontRef idx="minor">
            <a:schemeClr val="dk1"/>
          </a:fontRef>
        </p:style>
        <p:txBody>
          <a:bodyPr rtlCol="0" anchor="ctr"/>
          <a:lstStyle/>
          <a:p>
            <a:pPr algn="ctr"/>
            <a:endParaRPr lang="vi-VN" sz="2200" b="1" dirty="0">
              <a:solidFill>
                <a:schemeClr val="bg1"/>
              </a:solidFill>
              <a:latin typeface="Arial" panose="020B0604020202020204" pitchFamily="34" charset="0"/>
              <a:cs typeface="Arial" panose="020B0604020202020204" pitchFamily="34" charset="0"/>
            </a:endParaRPr>
          </a:p>
        </p:txBody>
      </p:sp>
      <p:sp>
        <p:nvSpPr>
          <p:cNvPr id="29" name="TextBox 28">
            <a:extLst>
              <a:ext uri="{FF2B5EF4-FFF2-40B4-BE49-F238E27FC236}">
                <a16:creationId xmlns:a16="http://schemas.microsoft.com/office/drawing/2014/main" xmlns="" id="{2EC114B0-1FA3-48DB-4391-A433D701A992}"/>
              </a:ext>
            </a:extLst>
          </p:cNvPr>
          <p:cNvSpPr txBox="1"/>
          <p:nvPr/>
        </p:nvSpPr>
        <p:spPr>
          <a:xfrm>
            <a:off x="700157" y="960556"/>
            <a:ext cx="1687444" cy="400110"/>
          </a:xfrm>
          <a:prstGeom prst="rect">
            <a:avLst/>
          </a:prstGeom>
          <a:noFill/>
        </p:spPr>
        <p:txBody>
          <a:bodyPr wrap="square">
            <a:spAutoFit/>
          </a:bodyPr>
          <a:lstStyle/>
          <a:p>
            <a:r>
              <a:rPr lang="vi-VN" sz="2000" b="1">
                <a:solidFill>
                  <a:schemeClr val="accent5"/>
                </a:solidFill>
              </a:rPr>
              <a:t>Mục đích</a:t>
            </a:r>
            <a:endParaRPr lang="vi-VN" sz="2000" b="1" dirty="0">
              <a:solidFill>
                <a:schemeClr val="accent5"/>
              </a:solidFill>
            </a:endParaRPr>
          </a:p>
        </p:txBody>
      </p:sp>
      <p:sp>
        <p:nvSpPr>
          <p:cNvPr id="30" name="Rectangle: Diagonal Corners Rounded 29">
            <a:extLst>
              <a:ext uri="{FF2B5EF4-FFF2-40B4-BE49-F238E27FC236}">
                <a16:creationId xmlns:a16="http://schemas.microsoft.com/office/drawing/2014/main" xmlns="" id="{4F7CE5AD-33B6-580F-89BD-885D53FE8AE9}"/>
              </a:ext>
            </a:extLst>
          </p:cNvPr>
          <p:cNvSpPr/>
          <p:nvPr/>
        </p:nvSpPr>
        <p:spPr>
          <a:xfrm>
            <a:off x="603845" y="1531568"/>
            <a:ext cx="7936310" cy="931325"/>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108000" rtlCol="0" anchor="ctr"/>
          <a:lstStyle/>
          <a:p>
            <a:pPr algn="just">
              <a:lnSpc>
                <a:spcPct val="150000"/>
              </a:lnSpc>
            </a:pPr>
            <a:r>
              <a:rPr lang="vi-VN" sz="1800" dirty="0">
                <a:solidFill>
                  <a:schemeClr val="accent2">
                    <a:lumMod val="50000"/>
                  </a:schemeClr>
                </a:solidFill>
                <a:latin typeface="Arial" panose="020B0604020202020204" pitchFamily="34" charset="0"/>
                <a:cs typeface="Arial" panose="020B0604020202020204" pitchFamily="34" charset="0"/>
              </a:rPr>
              <a:t>Góp phần điều tiết cơ cấu ngành nghề của lực lượng lao động phù hợp với yêu cầu phát triển của đất nước.</a:t>
            </a:r>
          </a:p>
        </p:txBody>
      </p:sp>
      <p:pic>
        <p:nvPicPr>
          <p:cNvPr id="1026" name="Picture 2" descr="Thực trạng và giải pháp phân luồng học sinh sau THCS vào giáo dục nghề  nghiệp học sinh - Tạp chí Tuyên giáo">
            <a:extLst>
              <a:ext uri="{FF2B5EF4-FFF2-40B4-BE49-F238E27FC236}">
                <a16:creationId xmlns:a16="http://schemas.microsoft.com/office/drawing/2014/main" xmlns="" id="{AC926CDC-4874-C359-86A6-E732C79CF53A}"/>
              </a:ext>
            </a:extLst>
          </p:cNvPr>
          <p:cNvPicPr>
            <a:picLocks noChangeAspect="1" noChangeArrowheads="1"/>
          </p:cNvPicPr>
          <p:nvPr/>
        </p:nvPicPr>
        <p:blipFill rotWithShape="1">
          <a:blip r:embed="rId4">
            <a:extLst>
              <a:ext uri="{28A0092B-C50C-407E-A947-70E740481C1C}">
                <a14:useLocalDpi xmlns:a14="http://schemas.microsoft.com/office/drawing/2010/main" val="0"/>
              </a:ext>
            </a:extLst>
          </a:blip>
          <a:srcRect l="5147" r="2966"/>
          <a:stretch/>
        </p:blipFill>
        <p:spPr bwMode="auto">
          <a:xfrm>
            <a:off x="603845" y="2701901"/>
            <a:ext cx="3058147" cy="1923869"/>
          </a:xfrm>
          <a:prstGeom prst="rect">
            <a:avLst/>
          </a:prstGeom>
          <a:noFill/>
          <a:extLst>
            <a:ext uri="{909E8E84-426E-40DD-AFC4-6F175D3DCCD1}">
              <a14:hiddenFill xmlns:a14="http://schemas.microsoft.com/office/drawing/2010/main">
                <a:solidFill>
                  <a:srgbClr val="FFFFFF"/>
                </a:solidFill>
              </a14:hiddenFill>
            </a:ext>
          </a:extLst>
        </p:spPr>
      </p:pic>
      <p:pic>
        <p:nvPicPr>
          <p:cNvPr id="5" name="Picture 2">
            <a:extLst>
              <a:ext uri="{FF2B5EF4-FFF2-40B4-BE49-F238E27FC236}">
                <a16:creationId xmlns:a16="http://schemas.microsoft.com/office/drawing/2014/main" xmlns="" id="{579B3696-237D-22D5-6FCD-E6E1157C99FB}"/>
              </a:ext>
            </a:extLst>
          </p:cNvPr>
          <p:cNvPicPr>
            <a:picLocks noChangeAspect="1" noChangeArrowheads="1"/>
          </p:cNvPicPr>
          <p:nvPr/>
        </p:nvPicPr>
        <p:blipFill rotWithShape="1">
          <a:blip r:embed="rId5"/>
          <a:srcRect l="10319"/>
          <a:stretch/>
        </p:blipFill>
        <p:spPr bwMode="auto">
          <a:xfrm>
            <a:off x="5952127" y="2701902"/>
            <a:ext cx="2588028" cy="1923869"/>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a:extLst>
              <a:ext uri="{FF2B5EF4-FFF2-40B4-BE49-F238E27FC236}">
                <a16:creationId xmlns:a16="http://schemas.microsoft.com/office/drawing/2014/main" xmlns="" id="{F773C6A4-373C-E2CE-123D-738C3CD35058}"/>
              </a:ext>
            </a:extLst>
          </p:cNvPr>
          <p:cNvPicPr>
            <a:picLocks noChangeAspect="1" noChangeArrowheads="1"/>
          </p:cNvPicPr>
          <p:nvPr/>
        </p:nvPicPr>
        <p:blipFill rotWithShape="1">
          <a:blip r:embed="rId6"/>
          <a:srcRect l="7424" r="22010"/>
          <a:stretch/>
        </p:blipFill>
        <p:spPr bwMode="auto">
          <a:xfrm>
            <a:off x="3788875" y="2701900"/>
            <a:ext cx="2036368" cy="1923869"/>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790466005"/>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8"/>
                                        </p:tgtEl>
                                        <p:attrNameLst>
                                          <p:attrName>style.visibility</p:attrName>
                                        </p:attrNameLst>
                                      </p:cBhvr>
                                      <p:to>
                                        <p:strVal val="visible"/>
                                      </p:to>
                                    </p:set>
                                    <p:animEffect transition="in" filter="wipe(left)">
                                      <p:cBhvr>
                                        <p:cTn id="7" dur="500"/>
                                        <p:tgtEl>
                                          <p:spTgt spid="28"/>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29"/>
                                        </p:tgtEl>
                                        <p:attrNameLst>
                                          <p:attrName>style.visibility</p:attrName>
                                        </p:attrNameLst>
                                      </p:cBhvr>
                                      <p:to>
                                        <p:strVal val="visible"/>
                                      </p:to>
                                    </p:set>
                                    <p:animEffect transition="in" filter="wipe(down)">
                                      <p:cBhvr>
                                        <p:cTn id="10" dur="500"/>
                                        <p:tgtEl>
                                          <p:spTgt spid="29"/>
                                        </p:tgtEl>
                                      </p:cBhvr>
                                    </p:animEffect>
                                  </p:childTnLst>
                                </p:cTn>
                              </p:par>
                            </p:childTnLst>
                          </p:cTn>
                        </p:par>
                      </p:childTnLst>
                    </p:cTn>
                  </p:par>
                  <p:par>
                    <p:cTn id="11" fill="hold">
                      <p:stCondLst>
                        <p:cond delay="indefinite"/>
                      </p:stCondLst>
                      <p:childTnLst>
                        <p:par>
                          <p:cTn id="12" fill="hold">
                            <p:stCondLst>
                              <p:cond delay="0"/>
                            </p:stCondLst>
                            <p:childTnLst>
                              <p:par>
                                <p:cTn id="13" presetID="3" presetClass="entr" presetSubtype="10" fill="hold" grpId="0" nodeType="clickEffect">
                                  <p:stCondLst>
                                    <p:cond delay="0"/>
                                  </p:stCondLst>
                                  <p:childTnLst>
                                    <p:set>
                                      <p:cBhvr>
                                        <p:cTn id="14" dur="1" fill="hold">
                                          <p:stCondLst>
                                            <p:cond delay="0"/>
                                          </p:stCondLst>
                                        </p:cTn>
                                        <p:tgtEl>
                                          <p:spTgt spid="30"/>
                                        </p:tgtEl>
                                        <p:attrNameLst>
                                          <p:attrName>style.visibility</p:attrName>
                                        </p:attrNameLst>
                                      </p:cBhvr>
                                      <p:to>
                                        <p:strVal val="visible"/>
                                      </p:to>
                                    </p:set>
                                    <p:animEffect transition="in" filter="blinds(horizontal)">
                                      <p:cBhvr>
                                        <p:cTn id="15" dur="500"/>
                                        <p:tgtEl>
                                          <p:spTgt spid="30"/>
                                        </p:tgtEl>
                                      </p:cBhvr>
                                    </p:animEffect>
                                  </p:childTnLst>
                                </p:cTn>
                              </p:par>
                              <p:par>
                                <p:cTn id="16" presetID="22" presetClass="entr" presetSubtype="4" fill="hold" nodeType="withEffect">
                                  <p:stCondLst>
                                    <p:cond delay="0"/>
                                  </p:stCondLst>
                                  <p:childTnLst>
                                    <p:set>
                                      <p:cBhvr>
                                        <p:cTn id="17" dur="1" fill="hold">
                                          <p:stCondLst>
                                            <p:cond delay="0"/>
                                          </p:stCondLst>
                                        </p:cTn>
                                        <p:tgtEl>
                                          <p:spTgt spid="1026"/>
                                        </p:tgtEl>
                                        <p:attrNameLst>
                                          <p:attrName>style.visibility</p:attrName>
                                        </p:attrNameLst>
                                      </p:cBhvr>
                                      <p:to>
                                        <p:strVal val="visible"/>
                                      </p:to>
                                    </p:set>
                                    <p:animEffect transition="in" filter="wipe(down)">
                                      <p:cBhvr>
                                        <p:cTn id="18" dur="500"/>
                                        <p:tgtEl>
                                          <p:spTgt spid="1026"/>
                                        </p:tgtEl>
                                      </p:cBhvr>
                                    </p:animEffect>
                                  </p:childTnLst>
                                </p:cTn>
                              </p:par>
                              <p:par>
                                <p:cTn id="19" presetID="22" presetClass="entr" presetSubtype="4" fill="hold" nodeType="withEffect">
                                  <p:stCondLst>
                                    <p:cond delay="0"/>
                                  </p:stCondLst>
                                  <p:childTnLst>
                                    <p:set>
                                      <p:cBhvr>
                                        <p:cTn id="20" dur="1" fill="hold">
                                          <p:stCondLst>
                                            <p:cond delay="0"/>
                                          </p:stCondLst>
                                        </p:cTn>
                                        <p:tgtEl>
                                          <p:spTgt spid="6"/>
                                        </p:tgtEl>
                                        <p:attrNameLst>
                                          <p:attrName>style.visibility</p:attrName>
                                        </p:attrNameLst>
                                      </p:cBhvr>
                                      <p:to>
                                        <p:strVal val="visible"/>
                                      </p:to>
                                    </p:set>
                                    <p:animEffect transition="in" filter="wipe(down)">
                                      <p:cBhvr>
                                        <p:cTn id="21" dur="500"/>
                                        <p:tgtEl>
                                          <p:spTgt spid="6"/>
                                        </p:tgtEl>
                                      </p:cBhvr>
                                    </p:animEffect>
                                  </p:childTnLst>
                                </p:cTn>
                              </p:par>
                              <p:par>
                                <p:cTn id="22" presetID="22" presetClass="entr" presetSubtype="4" fill="hold" nodeType="withEffect">
                                  <p:stCondLst>
                                    <p:cond delay="0"/>
                                  </p:stCondLst>
                                  <p:childTnLst>
                                    <p:set>
                                      <p:cBhvr>
                                        <p:cTn id="23" dur="1" fill="hold">
                                          <p:stCondLst>
                                            <p:cond delay="0"/>
                                          </p:stCondLst>
                                        </p:cTn>
                                        <p:tgtEl>
                                          <p:spTgt spid="5"/>
                                        </p:tgtEl>
                                        <p:attrNameLst>
                                          <p:attrName>style.visibility</p:attrName>
                                        </p:attrNameLst>
                                      </p:cBhvr>
                                      <p:to>
                                        <p:strVal val="visible"/>
                                      </p:to>
                                    </p:set>
                                    <p:animEffect transition="in" filter="wipe(down)">
                                      <p:cBhvr>
                                        <p:cTn id="24"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8" grpId="0" animBg="1"/>
      <p:bldP spid="29" grpId="0"/>
      <p:bldP spid="30"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770"/>
        <p:cNvGrpSpPr/>
        <p:nvPr/>
      </p:nvGrpSpPr>
      <p:grpSpPr>
        <a:xfrm>
          <a:off x="0" y="0"/>
          <a:ext cx="0" cy="0"/>
          <a:chOff x="0" y="0"/>
          <a:chExt cx="0" cy="0"/>
        </a:xfrm>
      </p:grpSpPr>
      <p:sp>
        <p:nvSpPr>
          <p:cNvPr id="3" name="Title 2">
            <a:extLst>
              <a:ext uri="{FF2B5EF4-FFF2-40B4-BE49-F238E27FC236}">
                <a16:creationId xmlns:a16="http://schemas.microsoft.com/office/drawing/2014/main" xmlns="" id="{D1C612E8-EC38-9269-8047-C0A2102EC4DD}"/>
              </a:ext>
            </a:extLst>
          </p:cNvPr>
          <p:cNvSpPr>
            <a:spLocks noGrp="1"/>
          </p:cNvSpPr>
          <p:nvPr>
            <p:ph type="title"/>
          </p:nvPr>
        </p:nvSpPr>
        <p:spPr>
          <a:xfrm>
            <a:off x="532776" y="238856"/>
            <a:ext cx="8078448" cy="483757"/>
          </a:xfrm>
        </p:spPr>
        <p:txBody>
          <a:bodyPr anchor="ctr"/>
          <a:lstStyle/>
          <a:p>
            <a:pPr algn="ctr"/>
            <a:r>
              <a:rPr lang="vi-VN" sz="2400" b="1">
                <a:solidFill>
                  <a:schemeClr val="accent1">
                    <a:lumMod val="75000"/>
                  </a:schemeClr>
                </a:solidFill>
                <a:latin typeface="Arial" panose="020B0604020202020204" pitchFamily="34" charset="0"/>
                <a:cs typeface="Arial" panose="020B0604020202020204" pitchFamily="34" charset="0"/>
              </a:rPr>
              <a:t>Những thời điểm phân </a:t>
            </a:r>
            <a:r>
              <a:rPr lang="vi-VN" sz="2400" b="1" dirty="0">
                <a:solidFill>
                  <a:schemeClr val="accent1">
                    <a:lumMod val="75000"/>
                  </a:schemeClr>
                </a:solidFill>
                <a:latin typeface="Arial" panose="020B0604020202020204" pitchFamily="34" charset="0"/>
                <a:cs typeface="Arial" panose="020B0604020202020204" pitchFamily="34" charset="0"/>
              </a:rPr>
              <a:t>luồng trong hệ thống giáo dục</a:t>
            </a:r>
          </a:p>
        </p:txBody>
      </p:sp>
      <p:sp>
        <p:nvSpPr>
          <p:cNvPr id="28" name="Arrow: Pentagon 27">
            <a:extLst>
              <a:ext uri="{FF2B5EF4-FFF2-40B4-BE49-F238E27FC236}">
                <a16:creationId xmlns:a16="http://schemas.microsoft.com/office/drawing/2014/main" xmlns="" id="{30417313-489C-7D12-C071-1F336895462E}"/>
              </a:ext>
            </a:extLst>
          </p:cNvPr>
          <p:cNvSpPr/>
          <p:nvPr/>
        </p:nvSpPr>
        <p:spPr>
          <a:xfrm>
            <a:off x="0" y="882167"/>
            <a:ext cx="627005" cy="241925"/>
          </a:xfrm>
          <a:prstGeom prst="homePlate">
            <a:avLst/>
          </a:prstGeom>
          <a:solidFill>
            <a:schemeClr val="accent5"/>
          </a:solidFill>
          <a:ln>
            <a:solidFill>
              <a:schemeClr val="accent5"/>
            </a:solidFill>
          </a:ln>
        </p:spPr>
        <p:style>
          <a:lnRef idx="1">
            <a:schemeClr val="accent2"/>
          </a:lnRef>
          <a:fillRef idx="2">
            <a:schemeClr val="accent2"/>
          </a:fillRef>
          <a:effectRef idx="1">
            <a:schemeClr val="accent2"/>
          </a:effectRef>
          <a:fontRef idx="minor">
            <a:schemeClr val="dk1"/>
          </a:fontRef>
        </p:style>
        <p:txBody>
          <a:bodyPr rtlCol="0" anchor="ctr"/>
          <a:lstStyle/>
          <a:p>
            <a:pPr algn="ctr"/>
            <a:endParaRPr lang="vi-VN" sz="2200" b="1" dirty="0">
              <a:solidFill>
                <a:schemeClr val="bg1"/>
              </a:solidFill>
              <a:latin typeface="Arial" panose="020B0604020202020204" pitchFamily="34" charset="0"/>
              <a:cs typeface="Arial" panose="020B0604020202020204" pitchFamily="34" charset="0"/>
            </a:endParaRPr>
          </a:p>
        </p:txBody>
      </p:sp>
      <p:sp>
        <p:nvSpPr>
          <p:cNvPr id="29" name="TextBox 28">
            <a:extLst>
              <a:ext uri="{FF2B5EF4-FFF2-40B4-BE49-F238E27FC236}">
                <a16:creationId xmlns:a16="http://schemas.microsoft.com/office/drawing/2014/main" xmlns="" id="{2EC114B0-1FA3-48DB-4391-A433D701A992}"/>
              </a:ext>
            </a:extLst>
          </p:cNvPr>
          <p:cNvSpPr txBox="1"/>
          <p:nvPr/>
        </p:nvSpPr>
        <p:spPr>
          <a:xfrm>
            <a:off x="700156" y="803074"/>
            <a:ext cx="4588733" cy="400110"/>
          </a:xfrm>
          <a:prstGeom prst="rect">
            <a:avLst/>
          </a:prstGeom>
          <a:noFill/>
        </p:spPr>
        <p:txBody>
          <a:bodyPr wrap="square">
            <a:spAutoFit/>
          </a:bodyPr>
          <a:lstStyle/>
          <a:p>
            <a:r>
              <a:rPr lang="vi-VN" sz="2000" b="1" dirty="0">
                <a:solidFill>
                  <a:schemeClr val="accent5"/>
                </a:solidFill>
              </a:rPr>
              <a:t>Đối với giáo dục phổ thông</a:t>
            </a:r>
          </a:p>
        </p:txBody>
      </p:sp>
      <p:sp>
        <p:nvSpPr>
          <p:cNvPr id="30" name="Rectangle: Diagonal Corners Rounded 29">
            <a:extLst>
              <a:ext uri="{FF2B5EF4-FFF2-40B4-BE49-F238E27FC236}">
                <a16:creationId xmlns:a16="http://schemas.microsoft.com/office/drawing/2014/main" xmlns="" id="{4F7CE5AD-33B6-580F-89BD-885D53FE8AE9}"/>
              </a:ext>
            </a:extLst>
          </p:cNvPr>
          <p:cNvSpPr/>
          <p:nvPr/>
        </p:nvSpPr>
        <p:spPr>
          <a:xfrm>
            <a:off x="700156" y="1273018"/>
            <a:ext cx="7911068" cy="971614"/>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108000" rtlCol="0" anchor="ctr"/>
          <a:lstStyle/>
          <a:p>
            <a:pPr algn="just">
              <a:lnSpc>
                <a:spcPct val="150000"/>
              </a:lnSpc>
            </a:pPr>
            <a:r>
              <a:rPr lang="vi-VN" sz="1800" dirty="0"/>
              <a:t>Sau tốt nghiệp trung học cơ sở : lựa chọn môn học THPT tuỳ theo định hướng nghề nghiệp hoặc chọn chương trình đào tạo nghề nghiệp phù hợp.</a:t>
            </a:r>
          </a:p>
        </p:txBody>
      </p:sp>
      <p:sp>
        <p:nvSpPr>
          <p:cNvPr id="5" name="Rectangle: Diagonal Corners Rounded 4">
            <a:extLst>
              <a:ext uri="{FF2B5EF4-FFF2-40B4-BE49-F238E27FC236}">
                <a16:creationId xmlns:a16="http://schemas.microsoft.com/office/drawing/2014/main" xmlns="" id="{1FD526E9-AE57-0BF2-91EB-1996A20267FA}"/>
              </a:ext>
            </a:extLst>
          </p:cNvPr>
          <p:cNvSpPr/>
          <p:nvPr/>
        </p:nvSpPr>
        <p:spPr>
          <a:xfrm>
            <a:off x="700156" y="2405553"/>
            <a:ext cx="7911068" cy="971614"/>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108000" rtlCol="0" anchor="ctr"/>
          <a:lstStyle/>
          <a:p>
            <a:pPr algn="just">
              <a:lnSpc>
                <a:spcPct val="150000"/>
              </a:lnSpc>
            </a:pPr>
            <a:r>
              <a:rPr lang="vi-VN" sz="1800" dirty="0">
                <a:solidFill>
                  <a:schemeClr val="accent2">
                    <a:lumMod val="50000"/>
                  </a:schemeClr>
                </a:solidFill>
                <a:latin typeface="Arial" panose="020B0604020202020204" pitchFamily="34" charset="0"/>
                <a:cs typeface="Arial" panose="020B0604020202020204" pitchFamily="34" charset="0"/>
              </a:rPr>
              <a:t>Sau tốt nghiệp trung học phổ thông: tiếp tục học đại học hoặc theo các chương trình đào tạo nghề nghiệp hoặc tham gia lao động.</a:t>
            </a:r>
          </a:p>
        </p:txBody>
      </p:sp>
      <p:sp>
        <p:nvSpPr>
          <p:cNvPr id="6" name="Arrow: Pentagon 5">
            <a:extLst>
              <a:ext uri="{FF2B5EF4-FFF2-40B4-BE49-F238E27FC236}">
                <a16:creationId xmlns:a16="http://schemas.microsoft.com/office/drawing/2014/main" xmlns="" id="{7CB03B6C-3915-BB54-897C-C8256A93EBA7}"/>
              </a:ext>
            </a:extLst>
          </p:cNvPr>
          <p:cNvSpPr/>
          <p:nvPr/>
        </p:nvSpPr>
        <p:spPr>
          <a:xfrm>
            <a:off x="0" y="3607922"/>
            <a:ext cx="627005" cy="241925"/>
          </a:xfrm>
          <a:prstGeom prst="homePlate">
            <a:avLst/>
          </a:prstGeom>
          <a:solidFill>
            <a:schemeClr val="accent5"/>
          </a:solidFill>
          <a:ln>
            <a:solidFill>
              <a:schemeClr val="accent5"/>
            </a:solidFill>
          </a:ln>
        </p:spPr>
        <p:style>
          <a:lnRef idx="1">
            <a:schemeClr val="accent2"/>
          </a:lnRef>
          <a:fillRef idx="2">
            <a:schemeClr val="accent2"/>
          </a:fillRef>
          <a:effectRef idx="1">
            <a:schemeClr val="accent2"/>
          </a:effectRef>
          <a:fontRef idx="minor">
            <a:schemeClr val="dk1"/>
          </a:fontRef>
        </p:style>
        <p:txBody>
          <a:bodyPr rtlCol="0" anchor="ctr"/>
          <a:lstStyle/>
          <a:p>
            <a:pPr algn="ctr"/>
            <a:endParaRPr lang="vi-VN" sz="2200" b="1" dirty="0">
              <a:solidFill>
                <a:schemeClr val="bg1"/>
              </a:solidFill>
              <a:latin typeface="Arial" panose="020B0604020202020204" pitchFamily="34" charset="0"/>
              <a:cs typeface="Arial" panose="020B0604020202020204" pitchFamily="34" charset="0"/>
            </a:endParaRPr>
          </a:p>
        </p:txBody>
      </p:sp>
      <p:sp>
        <p:nvSpPr>
          <p:cNvPr id="7" name="TextBox 6">
            <a:extLst>
              <a:ext uri="{FF2B5EF4-FFF2-40B4-BE49-F238E27FC236}">
                <a16:creationId xmlns:a16="http://schemas.microsoft.com/office/drawing/2014/main" xmlns="" id="{DC2D2D1F-D7C8-205B-8D6F-7021DA541C0F}"/>
              </a:ext>
            </a:extLst>
          </p:cNvPr>
          <p:cNvSpPr txBox="1"/>
          <p:nvPr/>
        </p:nvSpPr>
        <p:spPr>
          <a:xfrm>
            <a:off x="700156" y="3528829"/>
            <a:ext cx="4588733" cy="400110"/>
          </a:xfrm>
          <a:prstGeom prst="rect">
            <a:avLst/>
          </a:prstGeom>
          <a:noFill/>
        </p:spPr>
        <p:txBody>
          <a:bodyPr wrap="square">
            <a:spAutoFit/>
          </a:bodyPr>
          <a:lstStyle/>
          <a:p>
            <a:r>
              <a:rPr lang="vi-VN" sz="2000" b="1" dirty="0">
                <a:solidFill>
                  <a:schemeClr val="accent5"/>
                </a:solidFill>
              </a:rPr>
              <a:t>Mục đích</a:t>
            </a:r>
          </a:p>
        </p:txBody>
      </p:sp>
      <p:sp>
        <p:nvSpPr>
          <p:cNvPr id="8" name="Rectangle: Diagonal Corners Rounded 7">
            <a:extLst>
              <a:ext uri="{FF2B5EF4-FFF2-40B4-BE49-F238E27FC236}">
                <a16:creationId xmlns:a16="http://schemas.microsoft.com/office/drawing/2014/main" xmlns="" id="{0F25F2F8-7E3F-C87B-3E6A-41947AEB3D14}"/>
              </a:ext>
            </a:extLst>
          </p:cNvPr>
          <p:cNvSpPr/>
          <p:nvPr/>
        </p:nvSpPr>
        <p:spPr>
          <a:xfrm>
            <a:off x="700156" y="3998773"/>
            <a:ext cx="7911068" cy="971614"/>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108000" rtlCol="0" anchor="ctr"/>
          <a:lstStyle/>
          <a:p>
            <a:pPr algn="just">
              <a:lnSpc>
                <a:spcPct val="150000"/>
              </a:lnSpc>
            </a:pPr>
            <a:r>
              <a:rPr lang="vi-VN" sz="1800" dirty="0">
                <a:solidFill>
                  <a:schemeClr val="accent2">
                    <a:lumMod val="50000"/>
                  </a:schemeClr>
                </a:solidFill>
                <a:latin typeface="Arial" panose="020B0604020202020204" pitchFamily="34" charset="0"/>
                <a:cs typeface="Arial" panose="020B0604020202020204" pitchFamily="34" charset="0"/>
              </a:rPr>
              <a:t>Giúp HS có hiểu biết về nghề nghiệp để có thể tự đưa ra những quyết định lựa chọn ngành, lựa chọn nghề nghiệp phù hợp.</a:t>
            </a:r>
          </a:p>
        </p:txBody>
      </p:sp>
    </p:spTree>
    <p:custDataLst>
      <p:tags r:id="rId1"/>
    </p:custDataLst>
    <p:extLst>
      <p:ext uri="{BB962C8B-B14F-4D97-AF65-F5344CB8AC3E}">
        <p14:creationId xmlns:p14="http://schemas.microsoft.com/office/powerpoint/2010/main" val="4114946759"/>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8"/>
                                        </p:tgtEl>
                                        <p:attrNameLst>
                                          <p:attrName>style.visibility</p:attrName>
                                        </p:attrNameLst>
                                      </p:cBhvr>
                                      <p:to>
                                        <p:strVal val="visible"/>
                                      </p:to>
                                    </p:set>
                                    <p:animEffect transition="in" filter="wipe(left)">
                                      <p:cBhvr>
                                        <p:cTn id="7" dur="500"/>
                                        <p:tgtEl>
                                          <p:spTgt spid="28"/>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29"/>
                                        </p:tgtEl>
                                        <p:attrNameLst>
                                          <p:attrName>style.visibility</p:attrName>
                                        </p:attrNameLst>
                                      </p:cBhvr>
                                      <p:to>
                                        <p:strVal val="visible"/>
                                      </p:to>
                                    </p:set>
                                    <p:animEffect transition="in" filter="wipe(down)">
                                      <p:cBhvr>
                                        <p:cTn id="10" dur="500"/>
                                        <p:tgtEl>
                                          <p:spTgt spid="29"/>
                                        </p:tgtEl>
                                      </p:cBhvr>
                                    </p:animEffect>
                                  </p:childTnLst>
                                </p:cTn>
                              </p:par>
                            </p:childTnLst>
                          </p:cTn>
                        </p:par>
                      </p:childTnLst>
                    </p:cTn>
                  </p:par>
                  <p:par>
                    <p:cTn id="11" fill="hold">
                      <p:stCondLst>
                        <p:cond delay="indefinite"/>
                      </p:stCondLst>
                      <p:childTnLst>
                        <p:par>
                          <p:cTn id="12" fill="hold">
                            <p:stCondLst>
                              <p:cond delay="0"/>
                            </p:stCondLst>
                            <p:childTnLst>
                              <p:par>
                                <p:cTn id="13" presetID="3" presetClass="entr" presetSubtype="10" fill="hold" grpId="0" nodeType="clickEffect">
                                  <p:stCondLst>
                                    <p:cond delay="0"/>
                                  </p:stCondLst>
                                  <p:childTnLst>
                                    <p:set>
                                      <p:cBhvr>
                                        <p:cTn id="14" dur="1" fill="hold">
                                          <p:stCondLst>
                                            <p:cond delay="0"/>
                                          </p:stCondLst>
                                        </p:cTn>
                                        <p:tgtEl>
                                          <p:spTgt spid="30"/>
                                        </p:tgtEl>
                                        <p:attrNameLst>
                                          <p:attrName>style.visibility</p:attrName>
                                        </p:attrNameLst>
                                      </p:cBhvr>
                                      <p:to>
                                        <p:strVal val="visible"/>
                                      </p:to>
                                    </p:set>
                                    <p:animEffect transition="in" filter="blinds(horizontal)">
                                      <p:cBhvr>
                                        <p:cTn id="15" dur="500"/>
                                        <p:tgtEl>
                                          <p:spTgt spid="30"/>
                                        </p:tgtEl>
                                      </p:cBhvr>
                                    </p:animEffect>
                                  </p:childTnLst>
                                </p:cTn>
                              </p:par>
                            </p:childTnLst>
                          </p:cTn>
                        </p:par>
                      </p:childTnLst>
                    </p:cTn>
                  </p:par>
                  <p:par>
                    <p:cTn id="16" fill="hold">
                      <p:stCondLst>
                        <p:cond delay="indefinite"/>
                      </p:stCondLst>
                      <p:childTnLst>
                        <p:par>
                          <p:cTn id="17" fill="hold">
                            <p:stCondLst>
                              <p:cond delay="0"/>
                            </p:stCondLst>
                            <p:childTnLst>
                              <p:par>
                                <p:cTn id="18" presetID="3" presetClass="entr" presetSubtype="10" fill="hold" grpId="0" nodeType="clickEffect">
                                  <p:stCondLst>
                                    <p:cond delay="0"/>
                                  </p:stCondLst>
                                  <p:childTnLst>
                                    <p:set>
                                      <p:cBhvr>
                                        <p:cTn id="19" dur="1" fill="hold">
                                          <p:stCondLst>
                                            <p:cond delay="0"/>
                                          </p:stCondLst>
                                        </p:cTn>
                                        <p:tgtEl>
                                          <p:spTgt spid="5"/>
                                        </p:tgtEl>
                                        <p:attrNameLst>
                                          <p:attrName>style.visibility</p:attrName>
                                        </p:attrNameLst>
                                      </p:cBhvr>
                                      <p:to>
                                        <p:strVal val="visible"/>
                                      </p:to>
                                    </p:set>
                                    <p:animEffect transition="in" filter="blinds(horizontal)">
                                      <p:cBhvr>
                                        <p:cTn id="20" dur="500"/>
                                        <p:tgtEl>
                                          <p:spTgt spid="5"/>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grpId="0" nodeType="clickEffect">
                                  <p:stCondLst>
                                    <p:cond delay="0"/>
                                  </p:stCondLst>
                                  <p:childTnLst>
                                    <p:set>
                                      <p:cBhvr>
                                        <p:cTn id="24" dur="1" fill="hold">
                                          <p:stCondLst>
                                            <p:cond delay="0"/>
                                          </p:stCondLst>
                                        </p:cTn>
                                        <p:tgtEl>
                                          <p:spTgt spid="6"/>
                                        </p:tgtEl>
                                        <p:attrNameLst>
                                          <p:attrName>style.visibility</p:attrName>
                                        </p:attrNameLst>
                                      </p:cBhvr>
                                      <p:to>
                                        <p:strVal val="visible"/>
                                      </p:to>
                                    </p:set>
                                    <p:animEffect transition="in" filter="wipe(left)">
                                      <p:cBhvr>
                                        <p:cTn id="25" dur="500"/>
                                        <p:tgtEl>
                                          <p:spTgt spid="6"/>
                                        </p:tgtEl>
                                      </p:cBhvr>
                                    </p:animEffect>
                                  </p:childTnLst>
                                </p:cTn>
                              </p:par>
                              <p:par>
                                <p:cTn id="26" presetID="22" presetClass="entr" presetSubtype="4" fill="hold" grpId="0" nodeType="withEffect">
                                  <p:stCondLst>
                                    <p:cond delay="0"/>
                                  </p:stCondLst>
                                  <p:childTnLst>
                                    <p:set>
                                      <p:cBhvr>
                                        <p:cTn id="27" dur="1" fill="hold">
                                          <p:stCondLst>
                                            <p:cond delay="0"/>
                                          </p:stCondLst>
                                        </p:cTn>
                                        <p:tgtEl>
                                          <p:spTgt spid="7"/>
                                        </p:tgtEl>
                                        <p:attrNameLst>
                                          <p:attrName>style.visibility</p:attrName>
                                        </p:attrNameLst>
                                      </p:cBhvr>
                                      <p:to>
                                        <p:strVal val="visible"/>
                                      </p:to>
                                    </p:set>
                                    <p:animEffect transition="in" filter="wipe(down)">
                                      <p:cBhvr>
                                        <p:cTn id="28" dur="500"/>
                                        <p:tgtEl>
                                          <p:spTgt spid="7"/>
                                        </p:tgtEl>
                                      </p:cBhvr>
                                    </p:animEffect>
                                  </p:childTnLst>
                                </p:cTn>
                              </p:par>
                            </p:childTnLst>
                          </p:cTn>
                        </p:par>
                      </p:childTnLst>
                    </p:cTn>
                  </p:par>
                  <p:par>
                    <p:cTn id="29" fill="hold">
                      <p:stCondLst>
                        <p:cond delay="indefinite"/>
                      </p:stCondLst>
                      <p:childTnLst>
                        <p:par>
                          <p:cTn id="30" fill="hold">
                            <p:stCondLst>
                              <p:cond delay="0"/>
                            </p:stCondLst>
                            <p:childTnLst>
                              <p:par>
                                <p:cTn id="31" presetID="3" presetClass="entr" presetSubtype="10" fill="hold" grpId="0" nodeType="clickEffect">
                                  <p:stCondLst>
                                    <p:cond delay="0"/>
                                  </p:stCondLst>
                                  <p:childTnLst>
                                    <p:set>
                                      <p:cBhvr>
                                        <p:cTn id="32" dur="1" fill="hold">
                                          <p:stCondLst>
                                            <p:cond delay="0"/>
                                          </p:stCondLst>
                                        </p:cTn>
                                        <p:tgtEl>
                                          <p:spTgt spid="8"/>
                                        </p:tgtEl>
                                        <p:attrNameLst>
                                          <p:attrName>style.visibility</p:attrName>
                                        </p:attrNameLst>
                                      </p:cBhvr>
                                      <p:to>
                                        <p:strVal val="visible"/>
                                      </p:to>
                                    </p:set>
                                    <p:animEffect transition="in" filter="blinds(horizontal)">
                                      <p:cBhvr>
                                        <p:cTn id="33"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8" grpId="0" animBg="1"/>
      <p:bldP spid="29" grpId="0"/>
      <p:bldP spid="30" grpId="0" animBg="1"/>
      <p:bldP spid="5" grpId="0" animBg="1"/>
      <p:bldP spid="6" grpId="0" animBg="1"/>
      <p:bldP spid="7" grpId="0"/>
      <p:bldP spid="8"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757"/>
        <p:cNvGrpSpPr/>
        <p:nvPr/>
      </p:nvGrpSpPr>
      <p:grpSpPr>
        <a:xfrm>
          <a:off x="0" y="0"/>
          <a:ext cx="0" cy="0"/>
          <a:chOff x="0" y="0"/>
          <a:chExt cx="0" cy="0"/>
        </a:xfrm>
      </p:grpSpPr>
      <p:sp>
        <p:nvSpPr>
          <p:cNvPr id="20" name="Title 4">
            <a:extLst>
              <a:ext uri="{FF2B5EF4-FFF2-40B4-BE49-F238E27FC236}">
                <a16:creationId xmlns:a16="http://schemas.microsoft.com/office/drawing/2014/main" xmlns="" id="{FF936C22-03E4-E9D9-9D73-8911459D0A8D}"/>
              </a:ext>
            </a:extLst>
          </p:cNvPr>
          <p:cNvSpPr txBox="1">
            <a:spLocks/>
          </p:cNvSpPr>
          <p:nvPr/>
        </p:nvSpPr>
        <p:spPr>
          <a:xfrm>
            <a:off x="720000" y="384895"/>
            <a:ext cx="7704000" cy="646500"/>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chemeClr val="accent5"/>
              </a:buClr>
              <a:buSzPts val="3000"/>
              <a:buFont typeface="Work Sans Black"/>
              <a:buNone/>
              <a:defRPr sz="3000" b="0" i="0" u="none" strike="noStrike" cap="none">
                <a:solidFill>
                  <a:schemeClr val="accent5"/>
                </a:solidFill>
                <a:latin typeface="Work Sans Black"/>
                <a:ea typeface="Work Sans Black"/>
                <a:cs typeface="Work Sans Black"/>
                <a:sym typeface="Work Sans Black"/>
              </a:defRPr>
            </a:lvl1pPr>
            <a:lvl2pPr marR="0" lvl="1"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2pPr>
            <a:lvl3pPr marR="0" lvl="2"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3pPr>
            <a:lvl4pPr marR="0" lvl="3"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4pPr>
            <a:lvl5pPr marR="0" lvl="4"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5pPr>
            <a:lvl6pPr marR="0" lvl="5"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6pPr>
            <a:lvl7pPr marR="0" lvl="6"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7pPr>
            <a:lvl8pPr marR="0" lvl="7"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8pPr>
            <a:lvl9pPr marR="0" lvl="8"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9pPr>
          </a:lstStyle>
          <a:p>
            <a:pPr algn="ctr"/>
            <a:r>
              <a:rPr lang="vi-VN" sz="2400" b="1" dirty="0">
                <a:solidFill>
                  <a:srgbClr val="DC7C12"/>
                </a:solidFill>
                <a:latin typeface="Arial" panose="020B0604020202020204" pitchFamily="34" charset="0"/>
                <a:cs typeface="Arial" panose="020B0604020202020204" pitchFamily="34" charset="0"/>
              </a:rPr>
              <a:t>Quan sát thông tin SGK tr. 12 và thực hiện yêu cầu</a:t>
            </a:r>
          </a:p>
        </p:txBody>
      </p:sp>
      <p:grpSp>
        <p:nvGrpSpPr>
          <p:cNvPr id="21" name="Group 20">
            <a:extLst>
              <a:ext uri="{FF2B5EF4-FFF2-40B4-BE49-F238E27FC236}">
                <a16:creationId xmlns:a16="http://schemas.microsoft.com/office/drawing/2014/main" xmlns="" id="{77A983EB-9D13-4646-42E5-F9B27A174446}"/>
              </a:ext>
            </a:extLst>
          </p:cNvPr>
          <p:cNvGrpSpPr/>
          <p:nvPr/>
        </p:nvGrpSpPr>
        <p:grpSpPr>
          <a:xfrm>
            <a:off x="3692602" y="1682859"/>
            <a:ext cx="4942740" cy="2191496"/>
            <a:chOff x="1069578" y="1903923"/>
            <a:chExt cx="4942740" cy="2191496"/>
          </a:xfrm>
        </p:grpSpPr>
        <p:grpSp>
          <p:nvGrpSpPr>
            <p:cNvPr id="22" name="Group 21">
              <a:extLst>
                <a:ext uri="{FF2B5EF4-FFF2-40B4-BE49-F238E27FC236}">
                  <a16:creationId xmlns:a16="http://schemas.microsoft.com/office/drawing/2014/main" xmlns="" id="{752EE5DF-7AE4-C50B-DC9F-23A42A4F7831}"/>
                </a:ext>
              </a:extLst>
            </p:cNvPr>
            <p:cNvGrpSpPr/>
            <p:nvPr/>
          </p:nvGrpSpPr>
          <p:grpSpPr>
            <a:xfrm>
              <a:off x="1069578" y="1903923"/>
              <a:ext cx="4942740" cy="2191496"/>
              <a:chOff x="996092" y="1248504"/>
              <a:chExt cx="4942740" cy="2191496"/>
            </a:xfrm>
          </p:grpSpPr>
          <p:sp>
            <p:nvSpPr>
              <p:cNvPr id="24" name="Rectangle: Diagonal Corners Rounded 23">
                <a:extLst>
                  <a:ext uri="{FF2B5EF4-FFF2-40B4-BE49-F238E27FC236}">
                    <a16:creationId xmlns:a16="http://schemas.microsoft.com/office/drawing/2014/main" xmlns="" id="{948077EF-98E2-8F29-FD5F-838468012344}"/>
                  </a:ext>
                </a:extLst>
              </p:cNvPr>
              <p:cNvSpPr/>
              <p:nvPr/>
            </p:nvSpPr>
            <p:spPr>
              <a:xfrm flipH="1">
                <a:off x="1175980" y="1506081"/>
                <a:ext cx="4762852" cy="1933919"/>
              </a:xfrm>
              <a:prstGeom prst="round2DiagRect">
                <a:avLst>
                  <a:gd name="adj1" fmla="val 21105"/>
                  <a:gd name="adj2" fmla="val 0"/>
                </a:avLst>
              </a:prstGeom>
              <a:solidFill>
                <a:srgbClr val="D7EDDD"/>
              </a:solidFill>
              <a:ln>
                <a:solidFill>
                  <a:srgbClr val="D7EDDD"/>
                </a:solidFill>
              </a:ln>
            </p:spPr>
            <p:style>
              <a:lnRef idx="2">
                <a:schemeClr val="accent1">
                  <a:shade val="15000"/>
                </a:schemeClr>
              </a:lnRef>
              <a:fillRef idx="1">
                <a:schemeClr val="accent1"/>
              </a:fillRef>
              <a:effectRef idx="0">
                <a:schemeClr val="accent1"/>
              </a:effectRef>
              <a:fontRef idx="minor">
                <a:schemeClr val="lt1"/>
              </a:fontRef>
            </p:style>
            <p:txBody>
              <a:bodyPr bIns="108000" rtlCol="0" anchor="ctr"/>
              <a:lstStyle/>
              <a:p>
                <a:pPr algn="just">
                  <a:lnSpc>
                    <a:spcPct val="150000"/>
                  </a:lnSpc>
                </a:pPr>
                <a:r>
                  <a:rPr lang="vi-VN" sz="2000" dirty="0">
                    <a:solidFill>
                      <a:srgbClr val="000000"/>
                    </a:solidFill>
                    <a:effectLst/>
                    <a:latin typeface="Arial" panose="020B0604020202020204" pitchFamily="34" charset="0"/>
                    <a:cs typeface="Arial" panose="020B0604020202020204" pitchFamily="34" charset="0"/>
                  </a:rPr>
                  <a:t>Sau khi tốt nghiệp trung học cơ sở, học sinh có thể học theo cấp học hoặc học trình độ đào tạo nào?</a:t>
                </a:r>
                <a:endParaRPr lang="vi-VN" sz="2000" dirty="0">
                  <a:effectLst/>
                  <a:latin typeface="Arial" panose="020B0604020202020204" pitchFamily="34" charset="0"/>
                  <a:cs typeface="Arial" panose="020B0604020202020204" pitchFamily="34" charset="0"/>
                </a:endParaRPr>
              </a:p>
            </p:txBody>
          </p:sp>
          <p:sp>
            <p:nvSpPr>
              <p:cNvPr id="25" name="Speech Bubble: Rectangle with Corners Rounded 19">
                <a:extLst>
                  <a:ext uri="{FF2B5EF4-FFF2-40B4-BE49-F238E27FC236}">
                    <a16:creationId xmlns:a16="http://schemas.microsoft.com/office/drawing/2014/main" xmlns="" id="{D34C465D-F285-E9B5-62FE-465B71FB82F2}"/>
                  </a:ext>
                </a:extLst>
              </p:cNvPr>
              <p:cNvSpPr/>
              <p:nvPr/>
            </p:nvSpPr>
            <p:spPr>
              <a:xfrm>
                <a:off x="996092" y="1248504"/>
                <a:ext cx="596723" cy="478358"/>
              </a:xfrm>
              <a:custGeom>
                <a:avLst/>
                <a:gdLst>
                  <a:gd name="connsiteX0" fmla="*/ 0 w 478358"/>
                  <a:gd name="connsiteY0" fmla="*/ 79728 h 478358"/>
                  <a:gd name="connsiteX1" fmla="*/ 79728 w 478358"/>
                  <a:gd name="connsiteY1" fmla="*/ 0 h 478358"/>
                  <a:gd name="connsiteX2" fmla="*/ 279042 w 478358"/>
                  <a:gd name="connsiteY2" fmla="*/ 0 h 478358"/>
                  <a:gd name="connsiteX3" fmla="*/ 279042 w 478358"/>
                  <a:gd name="connsiteY3" fmla="*/ 0 h 478358"/>
                  <a:gd name="connsiteX4" fmla="*/ 398632 w 478358"/>
                  <a:gd name="connsiteY4" fmla="*/ 0 h 478358"/>
                  <a:gd name="connsiteX5" fmla="*/ 398630 w 478358"/>
                  <a:gd name="connsiteY5" fmla="*/ 0 h 478358"/>
                  <a:gd name="connsiteX6" fmla="*/ 478358 w 478358"/>
                  <a:gd name="connsiteY6" fmla="*/ 79728 h 478358"/>
                  <a:gd name="connsiteX7" fmla="*/ 478358 w 478358"/>
                  <a:gd name="connsiteY7" fmla="*/ 279042 h 478358"/>
                  <a:gd name="connsiteX8" fmla="*/ 596723 w 478358"/>
                  <a:gd name="connsiteY8" fmla="*/ 305924 h 478358"/>
                  <a:gd name="connsiteX9" fmla="*/ 478358 w 478358"/>
                  <a:gd name="connsiteY9" fmla="*/ 398632 h 478358"/>
                  <a:gd name="connsiteX10" fmla="*/ 478358 w 478358"/>
                  <a:gd name="connsiteY10" fmla="*/ 398630 h 478358"/>
                  <a:gd name="connsiteX11" fmla="*/ 398630 w 478358"/>
                  <a:gd name="connsiteY11" fmla="*/ 478358 h 478358"/>
                  <a:gd name="connsiteX12" fmla="*/ 398632 w 478358"/>
                  <a:gd name="connsiteY12" fmla="*/ 478358 h 478358"/>
                  <a:gd name="connsiteX13" fmla="*/ 279042 w 478358"/>
                  <a:gd name="connsiteY13" fmla="*/ 478358 h 478358"/>
                  <a:gd name="connsiteX14" fmla="*/ 279042 w 478358"/>
                  <a:gd name="connsiteY14" fmla="*/ 478358 h 478358"/>
                  <a:gd name="connsiteX15" fmla="*/ 79728 w 478358"/>
                  <a:gd name="connsiteY15" fmla="*/ 478358 h 478358"/>
                  <a:gd name="connsiteX16" fmla="*/ 0 w 478358"/>
                  <a:gd name="connsiteY16" fmla="*/ 398630 h 478358"/>
                  <a:gd name="connsiteX17" fmla="*/ 0 w 478358"/>
                  <a:gd name="connsiteY17" fmla="*/ 398632 h 478358"/>
                  <a:gd name="connsiteX18" fmla="*/ 0 w 478358"/>
                  <a:gd name="connsiteY18" fmla="*/ 279042 h 478358"/>
                  <a:gd name="connsiteX19" fmla="*/ 0 w 478358"/>
                  <a:gd name="connsiteY19" fmla="*/ 279042 h 478358"/>
                  <a:gd name="connsiteX20" fmla="*/ 0 w 478358"/>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305924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422038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596723" h="478358">
                    <a:moveTo>
                      <a:pt x="0" y="79728"/>
                    </a:moveTo>
                    <a:cubicBezTo>
                      <a:pt x="0" y="35695"/>
                      <a:pt x="35695" y="0"/>
                      <a:pt x="79728" y="0"/>
                    </a:cubicBezTo>
                    <a:lnTo>
                      <a:pt x="279042" y="0"/>
                    </a:lnTo>
                    <a:lnTo>
                      <a:pt x="279042" y="0"/>
                    </a:lnTo>
                    <a:lnTo>
                      <a:pt x="398632" y="0"/>
                    </a:lnTo>
                    <a:lnTo>
                      <a:pt x="398630" y="0"/>
                    </a:lnTo>
                    <a:cubicBezTo>
                      <a:pt x="442663" y="0"/>
                      <a:pt x="478358" y="35695"/>
                      <a:pt x="478358" y="79728"/>
                    </a:cubicBezTo>
                    <a:lnTo>
                      <a:pt x="478358" y="279042"/>
                    </a:lnTo>
                    <a:lnTo>
                      <a:pt x="596723" y="422038"/>
                    </a:lnTo>
                    <a:lnTo>
                      <a:pt x="478358" y="398632"/>
                    </a:lnTo>
                    <a:lnTo>
                      <a:pt x="478358" y="340573"/>
                    </a:lnTo>
                    <a:cubicBezTo>
                      <a:pt x="478358" y="384606"/>
                      <a:pt x="442663" y="478358"/>
                      <a:pt x="398630" y="478358"/>
                    </a:cubicBezTo>
                    <a:lnTo>
                      <a:pt x="398632" y="478358"/>
                    </a:lnTo>
                    <a:lnTo>
                      <a:pt x="279042" y="478358"/>
                    </a:lnTo>
                    <a:lnTo>
                      <a:pt x="279042" y="478358"/>
                    </a:lnTo>
                    <a:lnTo>
                      <a:pt x="79728" y="478358"/>
                    </a:lnTo>
                    <a:cubicBezTo>
                      <a:pt x="35695" y="478358"/>
                      <a:pt x="0" y="442663"/>
                      <a:pt x="0" y="398630"/>
                    </a:cubicBezTo>
                    <a:lnTo>
                      <a:pt x="0" y="398632"/>
                    </a:lnTo>
                    <a:lnTo>
                      <a:pt x="0" y="279042"/>
                    </a:lnTo>
                    <a:lnTo>
                      <a:pt x="0" y="279042"/>
                    </a:lnTo>
                    <a:lnTo>
                      <a:pt x="0" y="79728"/>
                    </a:lnTo>
                    <a:close/>
                  </a:path>
                </a:pathLst>
              </a:custGeom>
              <a:solidFill>
                <a:srgbClr val="00AEEF"/>
              </a:solidFill>
              <a:ln w="19050">
                <a:solidFill>
                  <a:schemeClr val="accent6"/>
                </a:solidFill>
              </a:ln>
            </p:spPr>
            <p:style>
              <a:lnRef idx="3">
                <a:schemeClr val="lt1"/>
              </a:lnRef>
              <a:fillRef idx="1">
                <a:schemeClr val="accent4"/>
              </a:fillRef>
              <a:effectRef idx="1">
                <a:schemeClr val="accent4"/>
              </a:effectRef>
              <a:fontRef idx="minor">
                <a:schemeClr val="lt1"/>
              </a:fontRef>
            </p:style>
            <p:txBody>
              <a:bodyPr rtlCol="0" anchor="ctr"/>
              <a:lstStyle/>
              <a:p>
                <a:pPr algn="ctr"/>
                <a:endParaRPr lang="vi-VN">
                  <a:latin typeface="Arial" panose="020B0604020202020204" pitchFamily="34" charset="0"/>
                  <a:cs typeface="Arial" panose="020B0604020202020204" pitchFamily="34" charset="0"/>
                </a:endParaRPr>
              </a:p>
            </p:txBody>
          </p:sp>
        </p:grpSp>
        <p:pic>
          <p:nvPicPr>
            <p:cNvPr id="23" name="Picture 13">
              <a:extLst>
                <a:ext uri="{FF2B5EF4-FFF2-40B4-BE49-F238E27FC236}">
                  <a16:creationId xmlns:a16="http://schemas.microsoft.com/office/drawing/2014/main" xmlns="" id="{143BDDFD-86F5-2E77-95DA-313718D1FA62}"/>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195815" y="1977508"/>
              <a:ext cx="224555" cy="352872"/>
            </a:xfrm>
            <a:prstGeom prst="rect">
              <a:avLst/>
            </a:prstGeom>
          </p:spPr>
        </p:pic>
      </p:grpSp>
      <p:sp>
        <p:nvSpPr>
          <p:cNvPr id="26" name="Arrow: Pentagon 25">
            <a:extLst>
              <a:ext uri="{FF2B5EF4-FFF2-40B4-BE49-F238E27FC236}">
                <a16:creationId xmlns:a16="http://schemas.microsoft.com/office/drawing/2014/main" xmlns="" id="{F50AA974-1393-00CB-24A6-7D2C5BC15B7F}"/>
              </a:ext>
            </a:extLst>
          </p:cNvPr>
          <p:cNvSpPr/>
          <p:nvPr/>
        </p:nvSpPr>
        <p:spPr>
          <a:xfrm>
            <a:off x="117695" y="3874355"/>
            <a:ext cx="3525926" cy="559421"/>
          </a:xfrm>
          <a:prstGeom prst="homePlate">
            <a:avLst/>
          </a:prstGeom>
          <a:solidFill>
            <a:schemeClr val="bg1"/>
          </a:solidFill>
          <a:ln>
            <a:solidFill>
              <a:schemeClr val="bg1"/>
            </a:solidFill>
          </a:ln>
        </p:spPr>
        <p:style>
          <a:lnRef idx="1">
            <a:schemeClr val="accent2"/>
          </a:lnRef>
          <a:fillRef idx="2">
            <a:schemeClr val="accent2"/>
          </a:fillRef>
          <a:effectRef idx="1">
            <a:schemeClr val="accent2"/>
          </a:effectRef>
          <a:fontRef idx="minor">
            <a:schemeClr val="dk1"/>
          </a:fontRef>
        </p:style>
        <p:txBody>
          <a:bodyPr rtlCol="0" anchor="ctr"/>
          <a:lstStyle/>
          <a:p>
            <a:pPr algn="ctr"/>
            <a:r>
              <a:rPr lang="vi-VN" sz="2200" b="1" dirty="0">
                <a:solidFill>
                  <a:schemeClr val="bg2">
                    <a:lumMod val="10000"/>
                  </a:schemeClr>
                </a:solidFill>
                <a:latin typeface="Arial" panose="020B0604020202020204" pitchFamily="34" charset="0"/>
                <a:cs typeface="Arial" panose="020B0604020202020204" pitchFamily="34" charset="0"/>
              </a:rPr>
              <a:t>THẢO LUẬN NHÓM</a:t>
            </a:r>
          </a:p>
        </p:txBody>
      </p:sp>
      <p:sp>
        <p:nvSpPr>
          <p:cNvPr id="27" name="Freeform 51">
            <a:extLst>
              <a:ext uri="{FF2B5EF4-FFF2-40B4-BE49-F238E27FC236}">
                <a16:creationId xmlns:a16="http://schemas.microsoft.com/office/drawing/2014/main" xmlns="" id="{4E137128-A44E-31E2-2044-228E16272696}"/>
              </a:ext>
            </a:extLst>
          </p:cNvPr>
          <p:cNvSpPr/>
          <p:nvPr/>
        </p:nvSpPr>
        <p:spPr>
          <a:xfrm>
            <a:off x="508658" y="1262774"/>
            <a:ext cx="2967790" cy="2126016"/>
          </a:xfrm>
          <a:custGeom>
            <a:avLst/>
            <a:gdLst/>
            <a:ahLst/>
            <a:cxnLst/>
            <a:rect l="l" t="t" r="r" b="b"/>
            <a:pathLst>
              <a:path w="1268345" h="908596">
                <a:moveTo>
                  <a:pt x="0" y="0"/>
                </a:moveTo>
                <a:lnTo>
                  <a:pt x="1268345" y="0"/>
                </a:lnTo>
                <a:lnTo>
                  <a:pt x="1268345" y="908596"/>
                </a:lnTo>
                <a:lnTo>
                  <a:pt x="0" y="908596"/>
                </a:lnTo>
                <a:lnTo>
                  <a:pt x="0" y="0"/>
                </a:lnTo>
                <a:close/>
              </a:path>
            </a:pathLst>
          </a:custGeom>
          <a:blipFill>
            <a:blip r:embed="rId6">
              <a:extLst>
                <a:ext uri="{96DAC541-7B7A-43D3-8B79-37D633B846F1}">
                  <asvg:svgBlip xmlns:asvg="http://schemas.microsoft.com/office/drawing/2016/SVG/main" xmlns="" r:embed="rId7"/>
                </a:ext>
              </a:extLst>
            </a:blip>
            <a:stretch>
              <a:fillRect/>
            </a:stretch>
          </a:blipFill>
        </p:spPr>
      </p:sp>
    </p:spTree>
    <p:custDataLst>
      <p:tags r:id="rId1"/>
    </p:custDataLst>
    <p:extLst>
      <p:ext uri="{BB962C8B-B14F-4D97-AF65-F5344CB8AC3E}">
        <p14:creationId xmlns:p14="http://schemas.microsoft.com/office/powerpoint/2010/main" val="610290025"/>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6"/>
                                        </p:tgtEl>
                                        <p:attrNameLst>
                                          <p:attrName>style.visibility</p:attrName>
                                        </p:attrNameLst>
                                      </p:cBhvr>
                                      <p:to>
                                        <p:strVal val="visible"/>
                                      </p:to>
                                    </p:set>
                                    <p:animEffect transition="in" filter="wipe(left)">
                                      <p:cBhvr>
                                        <p:cTn id="7" dur="500"/>
                                        <p:tgtEl>
                                          <p:spTgt spid="26"/>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nodeType="clickEffect">
                                  <p:stCondLst>
                                    <p:cond delay="0"/>
                                  </p:stCondLst>
                                  <p:childTnLst>
                                    <p:set>
                                      <p:cBhvr>
                                        <p:cTn id="11" dur="1" fill="hold">
                                          <p:stCondLst>
                                            <p:cond delay="0"/>
                                          </p:stCondLst>
                                        </p:cTn>
                                        <p:tgtEl>
                                          <p:spTgt spid="21"/>
                                        </p:tgtEl>
                                        <p:attrNameLst>
                                          <p:attrName>style.visibility</p:attrName>
                                        </p:attrNameLst>
                                      </p:cBhvr>
                                      <p:to>
                                        <p:strVal val="visible"/>
                                      </p:to>
                                    </p:set>
                                    <p:animEffect transition="in" filter="wipe(up)">
                                      <p:cBhvr>
                                        <p:cTn id="12" dur="50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6"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962"/>
        <p:cNvGrpSpPr/>
        <p:nvPr/>
      </p:nvGrpSpPr>
      <p:grpSpPr>
        <a:xfrm>
          <a:off x="0" y="0"/>
          <a:ext cx="0" cy="0"/>
          <a:chOff x="0" y="0"/>
          <a:chExt cx="0" cy="0"/>
        </a:xfrm>
      </p:grpSpPr>
      <p:sp>
        <p:nvSpPr>
          <p:cNvPr id="3" name="Title 2">
            <a:extLst>
              <a:ext uri="{FF2B5EF4-FFF2-40B4-BE49-F238E27FC236}">
                <a16:creationId xmlns:a16="http://schemas.microsoft.com/office/drawing/2014/main" xmlns="" id="{BD8282CF-F179-E033-7FF1-E44CAAD26E47}"/>
              </a:ext>
            </a:extLst>
          </p:cNvPr>
          <p:cNvSpPr>
            <a:spLocks noGrp="1"/>
          </p:cNvSpPr>
          <p:nvPr>
            <p:ph type="title"/>
          </p:nvPr>
        </p:nvSpPr>
        <p:spPr>
          <a:xfrm>
            <a:off x="1153886" y="297543"/>
            <a:ext cx="6836228" cy="1081314"/>
          </a:xfrm>
        </p:spPr>
        <p:txBody>
          <a:bodyPr anchor="ctr"/>
          <a:lstStyle/>
          <a:p>
            <a:pPr algn="ctr">
              <a:lnSpc>
                <a:spcPct val="150000"/>
              </a:lnSpc>
            </a:pPr>
            <a:r>
              <a:rPr lang="vi-VN" sz="2200" b="1" dirty="0">
                <a:effectLst/>
                <a:latin typeface="Arial" panose="020B0604020202020204" pitchFamily="34" charset="0"/>
                <a:cs typeface="Arial" panose="020B0604020202020204" pitchFamily="34" charset="0"/>
              </a:rPr>
              <a:t>Sau khi tốt nghiệp trung học phổ thông, học sinh có thể theo học những trình độ đào tạo sau</a:t>
            </a:r>
            <a:endParaRPr lang="vi-VN" sz="2200" b="1" dirty="0">
              <a:latin typeface="Arial" panose="020B0604020202020204" pitchFamily="34" charset="0"/>
              <a:cs typeface="Arial" panose="020B0604020202020204" pitchFamily="34" charset="0"/>
            </a:endParaRPr>
          </a:p>
        </p:txBody>
      </p:sp>
      <p:sp>
        <p:nvSpPr>
          <p:cNvPr id="4" name="Rectangle: Diagonal Corners Rounded 3">
            <a:extLst>
              <a:ext uri="{FF2B5EF4-FFF2-40B4-BE49-F238E27FC236}">
                <a16:creationId xmlns:a16="http://schemas.microsoft.com/office/drawing/2014/main" xmlns="" id="{2EBA47F8-1830-F63B-9EB2-884DE278C868}"/>
              </a:ext>
            </a:extLst>
          </p:cNvPr>
          <p:cNvSpPr/>
          <p:nvPr/>
        </p:nvSpPr>
        <p:spPr>
          <a:xfrm>
            <a:off x="507999" y="4107543"/>
            <a:ext cx="2262726" cy="544286"/>
          </a:xfrm>
          <a:prstGeom prst="round2DiagRect">
            <a:avLst>
              <a:gd name="adj1" fmla="val 23051"/>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72000" rtlCol="0" anchor="ctr"/>
          <a:lstStyle/>
          <a:p>
            <a:pPr algn="ctr"/>
            <a:r>
              <a:rPr lang="vi-VN" sz="1800" dirty="0">
                <a:solidFill>
                  <a:schemeClr val="accent2">
                    <a:lumMod val="50000"/>
                  </a:schemeClr>
                </a:solidFill>
                <a:latin typeface="Arial" panose="020B0604020202020204" pitchFamily="34" charset="0"/>
                <a:cs typeface="Arial" panose="020B0604020202020204" pitchFamily="34" charset="0"/>
              </a:rPr>
              <a:t>Theo học đại học</a:t>
            </a:r>
          </a:p>
        </p:txBody>
      </p:sp>
      <p:sp>
        <p:nvSpPr>
          <p:cNvPr id="5" name="Rectangle: Diagonal Corners Rounded 4">
            <a:extLst>
              <a:ext uri="{FF2B5EF4-FFF2-40B4-BE49-F238E27FC236}">
                <a16:creationId xmlns:a16="http://schemas.microsoft.com/office/drawing/2014/main" xmlns="" id="{C2535B39-E41C-E8E3-207E-750D08BA3774}"/>
              </a:ext>
            </a:extLst>
          </p:cNvPr>
          <p:cNvSpPr/>
          <p:nvPr/>
        </p:nvSpPr>
        <p:spPr>
          <a:xfrm>
            <a:off x="3439886" y="4107543"/>
            <a:ext cx="5196114" cy="544286"/>
          </a:xfrm>
          <a:prstGeom prst="round2DiagRect">
            <a:avLst>
              <a:gd name="adj1" fmla="val 23051"/>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72000" rtlCol="0" anchor="ctr"/>
          <a:lstStyle/>
          <a:p>
            <a:pPr algn="ctr"/>
            <a:r>
              <a:rPr lang="vi-VN" sz="1800" dirty="0">
                <a:latin typeface="Arial" panose="020B0604020202020204" pitchFamily="34" charset="0"/>
                <a:cs typeface="Arial" panose="020B0604020202020204" pitchFamily="34" charset="0"/>
              </a:rPr>
              <a:t>Theo học các chương trình đào tạo nghề nghiệp</a:t>
            </a:r>
          </a:p>
        </p:txBody>
      </p:sp>
      <p:pic>
        <p:nvPicPr>
          <p:cNvPr id="2050" name="Picture 2" descr="TẠI SAO KHÔNG NÊN HỌC ĐẠI HỌC? - HINT ACADEMY">
            <a:extLst>
              <a:ext uri="{FF2B5EF4-FFF2-40B4-BE49-F238E27FC236}">
                <a16:creationId xmlns:a16="http://schemas.microsoft.com/office/drawing/2014/main" xmlns="" id="{DA0DCC28-16CE-FAFD-F3B9-88A2EB2045E6}"/>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07999" y="1513265"/>
            <a:ext cx="3597503" cy="2398335"/>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a:extLst>
              <a:ext uri="{FF2B5EF4-FFF2-40B4-BE49-F238E27FC236}">
                <a16:creationId xmlns:a16="http://schemas.microsoft.com/office/drawing/2014/main" xmlns="" id="{CCB7B1D5-8AAA-2117-96B2-371E8E3A81AE}"/>
              </a:ext>
            </a:extLst>
          </p:cNvPr>
          <p:cNvPicPr>
            <a:picLocks noChangeAspect="1" noChangeArrowheads="1"/>
          </p:cNvPicPr>
          <p:nvPr/>
        </p:nvPicPr>
        <p:blipFill>
          <a:blip r:embed="rId5"/>
          <a:srcRect/>
          <a:stretch/>
        </p:blipFill>
        <p:spPr bwMode="auto">
          <a:xfrm>
            <a:off x="4906190" y="1513265"/>
            <a:ext cx="3729810" cy="2398335"/>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linds(horizontal)">
                                      <p:cBhvr>
                                        <p:cTn id="7" dur="500"/>
                                        <p:tgtEl>
                                          <p:spTgt spid="4"/>
                                        </p:tgtEl>
                                      </p:cBhvr>
                                    </p:animEffect>
                                  </p:childTnLst>
                                </p:cTn>
                              </p:par>
                              <p:par>
                                <p:cTn id="8" presetID="22" presetClass="entr" presetSubtype="4" fill="hold" nodeType="withEffect">
                                  <p:stCondLst>
                                    <p:cond delay="0"/>
                                  </p:stCondLst>
                                  <p:childTnLst>
                                    <p:set>
                                      <p:cBhvr>
                                        <p:cTn id="9" dur="1" fill="hold">
                                          <p:stCondLst>
                                            <p:cond delay="0"/>
                                          </p:stCondLst>
                                        </p:cTn>
                                        <p:tgtEl>
                                          <p:spTgt spid="2050"/>
                                        </p:tgtEl>
                                        <p:attrNameLst>
                                          <p:attrName>style.visibility</p:attrName>
                                        </p:attrNameLst>
                                      </p:cBhvr>
                                      <p:to>
                                        <p:strVal val="visible"/>
                                      </p:to>
                                    </p:set>
                                    <p:animEffect transition="in" filter="wipe(down)">
                                      <p:cBhvr>
                                        <p:cTn id="10" dur="500"/>
                                        <p:tgtEl>
                                          <p:spTgt spid="2050"/>
                                        </p:tgtEl>
                                      </p:cBhvr>
                                    </p:animEffect>
                                  </p:childTnLst>
                                </p:cTn>
                              </p:par>
                            </p:childTnLst>
                          </p:cTn>
                        </p:par>
                      </p:childTnLst>
                    </p:cTn>
                  </p:par>
                  <p:par>
                    <p:cTn id="11" fill="hold">
                      <p:stCondLst>
                        <p:cond delay="indefinite"/>
                      </p:stCondLst>
                      <p:childTnLst>
                        <p:par>
                          <p:cTn id="12" fill="hold">
                            <p:stCondLst>
                              <p:cond delay="0"/>
                            </p:stCondLst>
                            <p:childTnLst>
                              <p:par>
                                <p:cTn id="13" presetID="3" presetClass="entr" presetSubtype="10" fill="hold" grpId="0" nodeType="click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blinds(horizontal)">
                                      <p:cBhvr>
                                        <p:cTn id="15" dur="500"/>
                                        <p:tgtEl>
                                          <p:spTgt spid="5"/>
                                        </p:tgtEl>
                                      </p:cBhvr>
                                    </p:animEffect>
                                  </p:childTnLst>
                                </p:cTn>
                              </p:par>
                              <p:par>
                                <p:cTn id="16" presetID="22" presetClass="entr" presetSubtype="4" fill="hold" nodeType="withEffect">
                                  <p:stCondLst>
                                    <p:cond delay="0"/>
                                  </p:stCondLst>
                                  <p:childTnLst>
                                    <p:set>
                                      <p:cBhvr>
                                        <p:cTn id="17" dur="1" fill="hold">
                                          <p:stCondLst>
                                            <p:cond delay="0"/>
                                          </p:stCondLst>
                                        </p:cTn>
                                        <p:tgtEl>
                                          <p:spTgt spid="6"/>
                                        </p:tgtEl>
                                        <p:attrNameLst>
                                          <p:attrName>style.visibility</p:attrName>
                                        </p:attrNameLst>
                                      </p:cBhvr>
                                      <p:to>
                                        <p:strVal val="visible"/>
                                      </p:to>
                                    </p:set>
                                    <p:animEffect transition="in" filter="wipe(down)">
                                      <p:cBhvr>
                                        <p:cTn id="18"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864"/>
        <p:cNvGrpSpPr/>
        <p:nvPr/>
      </p:nvGrpSpPr>
      <p:grpSpPr>
        <a:xfrm>
          <a:off x="0" y="0"/>
          <a:ext cx="0" cy="0"/>
          <a:chOff x="0" y="0"/>
          <a:chExt cx="0" cy="0"/>
        </a:xfrm>
      </p:grpSpPr>
      <p:grpSp>
        <p:nvGrpSpPr>
          <p:cNvPr id="868" name="Google Shape;868;p34"/>
          <p:cNvGrpSpPr/>
          <p:nvPr/>
        </p:nvGrpSpPr>
        <p:grpSpPr>
          <a:xfrm>
            <a:off x="6685561" y="1353156"/>
            <a:ext cx="2332439" cy="3664657"/>
            <a:chOff x="6261325" y="3849875"/>
            <a:chExt cx="624900" cy="981850"/>
          </a:xfrm>
        </p:grpSpPr>
        <p:sp>
          <p:nvSpPr>
            <p:cNvPr id="869" name="Google Shape;869;p34"/>
            <p:cNvSpPr/>
            <p:nvPr/>
          </p:nvSpPr>
          <p:spPr>
            <a:xfrm>
              <a:off x="6543025" y="4334900"/>
              <a:ext cx="61475" cy="496825"/>
            </a:xfrm>
            <a:custGeom>
              <a:avLst/>
              <a:gdLst/>
              <a:ahLst/>
              <a:cxnLst/>
              <a:rect l="l" t="t" r="r" b="b"/>
              <a:pathLst>
                <a:path w="2459" h="19873" extrusionOk="0">
                  <a:moveTo>
                    <a:pt x="1" y="1"/>
                  </a:moveTo>
                  <a:lnTo>
                    <a:pt x="1" y="19872"/>
                  </a:lnTo>
                  <a:lnTo>
                    <a:pt x="2459" y="19872"/>
                  </a:lnTo>
                  <a:lnTo>
                    <a:pt x="2459"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0" name="Google Shape;870;p34"/>
            <p:cNvSpPr/>
            <p:nvPr/>
          </p:nvSpPr>
          <p:spPr>
            <a:xfrm>
              <a:off x="6543025" y="4334900"/>
              <a:ext cx="61475" cy="23575"/>
            </a:xfrm>
            <a:custGeom>
              <a:avLst/>
              <a:gdLst/>
              <a:ahLst/>
              <a:cxnLst/>
              <a:rect l="l" t="t" r="r" b="b"/>
              <a:pathLst>
                <a:path w="2459" h="943" extrusionOk="0">
                  <a:moveTo>
                    <a:pt x="1" y="1"/>
                  </a:moveTo>
                  <a:lnTo>
                    <a:pt x="1" y="942"/>
                  </a:lnTo>
                  <a:lnTo>
                    <a:pt x="2459" y="942"/>
                  </a:lnTo>
                  <a:lnTo>
                    <a:pt x="2459"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1" name="Google Shape;871;p34"/>
            <p:cNvSpPr/>
            <p:nvPr/>
          </p:nvSpPr>
          <p:spPr>
            <a:xfrm>
              <a:off x="6346375" y="4770250"/>
              <a:ext cx="227400" cy="61475"/>
            </a:xfrm>
            <a:custGeom>
              <a:avLst/>
              <a:gdLst/>
              <a:ahLst/>
              <a:cxnLst/>
              <a:rect l="l" t="t" r="r" b="b"/>
              <a:pathLst>
                <a:path w="9096" h="2459" extrusionOk="0">
                  <a:moveTo>
                    <a:pt x="9096" y="0"/>
                  </a:moveTo>
                  <a:lnTo>
                    <a:pt x="1" y="1229"/>
                  </a:lnTo>
                  <a:lnTo>
                    <a:pt x="1" y="2458"/>
                  </a:lnTo>
                  <a:lnTo>
                    <a:pt x="9096" y="2458"/>
                  </a:lnTo>
                  <a:lnTo>
                    <a:pt x="9096"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2" name="Google Shape;872;p34"/>
            <p:cNvSpPr/>
            <p:nvPr/>
          </p:nvSpPr>
          <p:spPr>
            <a:xfrm>
              <a:off x="6573750" y="4770250"/>
              <a:ext cx="227450" cy="61475"/>
            </a:xfrm>
            <a:custGeom>
              <a:avLst/>
              <a:gdLst/>
              <a:ahLst/>
              <a:cxnLst/>
              <a:rect l="l" t="t" r="r" b="b"/>
              <a:pathLst>
                <a:path w="9098" h="2459" extrusionOk="0">
                  <a:moveTo>
                    <a:pt x="1" y="0"/>
                  </a:moveTo>
                  <a:lnTo>
                    <a:pt x="1" y="2458"/>
                  </a:lnTo>
                  <a:lnTo>
                    <a:pt x="9097" y="2458"/>
                  </a:lnTo>
                  <a:lnTo>
                    <a:pt x="9097" y="1229"/>
                  </a:lnTo>
                  <a:lnTo>
                    <a:pt x="1"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3" name="Google Shape;873;p34"/>
            <p:cNvSpPr/>
            <p:nvPr/>
          </p:nvSpPr>
          <p:spPr>
            <a:xfrm>
              <a:off x="6261325" y="4310300"/>
              <a:ext cx="624900" cy="24625"/>
            </a:xfrm>
            <a:custGeom>
              <a:avLst/>
              <a:gdLst/>
              <a:ahLst/>
              <a:cxnLst/>
              <a:rect l="l" t="t" r="r" b="b"/>
              <a:pathLst>
                <a:path w="24996" h="985" extrusionOk="0">
                  <a:moveTo>
                    <a:pt x="1" y="1"/>
                  </a:moveTo>
                  <a:lnTo>
                    <a:pt x="1" y="985"/>
                  </a:lnTo>
                  <a:lnTo>
                    <a:pt x="24995" y="985"/>
                  </a:lnTo>
                  <a:lnTo>
                    <a:pt x="24995"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4" name="Google Shape;874;p34"/>
            <p:cNvSpPr/>
            <p:nvPr/>
          </p:nvSpPr>
          <p:spPr>
            <a:xfrm>
              <a:off x="6604475" y="4334900"/>
              <a:ext cx="107575" cy="156550"/>
            </a:xfrm>
            <a:custGeom>
              <a:avLst/>
              <a:gdLst/>
              <a:ahLst/>
              <a:cxnLst/>
              <a:rect l="l" t="t" r="r" b="b"/>
              <a:pathLst>
                <a:path w="4303" h="6262" extrusionOk="0">
                  <a:moveTo>
                    <a:pt x="1" y="1"/>
                  </a:moveTo>
                  <a:lnTo>
                    <a:pt x="1" y="6262"/>
                  </a:lnTo>
                  <a:lnTo>
                    <a:pt x="1334" y="6262"/>
                  </a:lnTo>
                  <a:lnTo>
                    <a:pt x="1334" y="2531"/>
                  </a:lnTo>
                  <a:lnTo>
                    <a:pt x="4302"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5" name="Google Shape;875;p34"/>
            <p:cNvSpPr/>
            <p:nvPr/>
          </p:nvSpPr>
          <p:spPr>
            <a:xfrm>
              <a:off x="6435525" y="4334900"/>
              <a:ext cx="107525" cy="156550"/>
            </a:xfrm>
            <a:custGeom>
              <a:avLst/>
              <a:gdLst/>
              <a:ahLst/>
              <a:cxnLst/>
              <a:rect l="l" t="t" r="r" b="b"/>
              <a:pathLst>
                <a:path w="4301" h="6262" extrusionOk="0">
                  <a:moveTo>
                    <a:pt x="1" y="1"/>
                  </a:moveTo>
                  <a:lnTo>
                    <a:pt x="2967" y="2531"/>
                  </a:lnTo>
                  <a:lnTo>
                    <a:pt x="2967" y="6262"/>
                  </a:lnTo>
                  <a:lnTo>
                    <a:pt x="4301" y="6262"/>
                  </a:lnTo>
                  <a:lnTo>
                    <a:pt x="4301"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6" name="Google Shape;876;p34"/>
            <p:cNvSpPr/>
            <p:nvPr/>
          </p:nvSpPr>
          <p:spPr>
            <a:xfrm>
              <a:off x="6288675" y="3860175"/>
              <a:ext cx="333425" cy="450125"/>
            </a:xfrm>
            <a:custGeom>
              <a:avLst/>
              <a:gdLst/>
              <a:ahLst/>
              <a:cxnLst/>
              <a:rect l="l" t="t" r="r" b="b"/>
              <a:pathLst>
                <a:path w="13337" h="18005" extrusionOk="0">
                  <a:moveTo>
                    <a:pt x="0" y="1"/>
                  </a:moveTo>
                  <a:lnTo>
                    <a:pt x="0" y="18005"/>
                  </a:lnTo>
                  <a:lnTo>
                    <a:pt x="13337" y="18005"/>
                  </a:lnTo>
                  <a:lnTo>
                    <a:pt x="13337"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7" name="Google Shape;877;p34"/>
            <p:cNvSpPr/>
            <p:nvPr/>
          </p:nvSpPr>
          <p:spPr>
            <a:xfrm>
              <a:off x="6435525" y="4334900"/>
              <a:ext cx="107525" cy="156550"/>
            </a:xfrm>
            <a:custGeom>
              <a:avLst/>
              <a:gdLst/>
              <a:ahLst/>
              <a:cxnLst/>
              <a:rect l="l" t="t" r="r" b="b"/>
              <a:pathLst>
                <a:path w="4301" h="6262" extrusionOk="0">
                  <a:moveTo>
                    <a:pt x="1" y="1"/>
                  </a:moveTo>
                  <a:lnTo>
                    <a:pt x="461" y="393"/>
                  </a:lnTo>
                  <a:lnTo>
                    <a:pt x="3833" y="393"/>
                  </a:lnTo>
                  <a:lnTo>
                    <a:pt x="3833" y="6262"/>
                  </a:lnTo>
                  <a:lnTo>
                    <a:pt x="4301" y="6262"/>
                  </a:lnTo>
                  <a:lnTo>
                    <a:pt x="4301"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8" name="Google Shape;878;p34"/>
            <p:cNvSpPr/>
            <p:nvPr/>
          </p:nvSpPr>
          <p:spPr>
            <a:xfrm>
              <a:off x="6604475" y="4334900"/>
              <a:ext cx="107575" cy="156550"/>
            </a:xfrm>
            <a:custGeom>
              <a:avLst/>
              <a:gdLst/>
              <a:ahLst/>
              <a:cxnLst/>
              <a:rect l="l" t="t" r="r" b="b"/>
              <a:pathLst>
                <a:path w="4303" h="6262" extrusionOk="0">
                  <a:moveTo>
                    <a:pt x="1" y="1"/>
                  </a:moveTo>
                  <a:lnTo>
                    <a:pt x="1" y="6262"/>
                  </a:lnTo>
                  <a:lnTo>
                    <a:pt x="469" y="6262"/>
                  </a:lnTo>
                  <a:lnTo>
                    <a:pt x="469" y="393"/>
                  </a:lnTo>
                  <a:lnTo>
                    <a:pt x="3842" y="393"/>
                  </a:lnTo>
                  <a:lnTo>
                    <a:pt x="4302"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9" name="Google Shape;879;p34"/>
            <p:cNvSpPr/>
            <p:nvPr/>
          </p:nvSpPr>
          <p:spPr>
            <a:xfrm>
              <a:off x="6381950" y="3849875"/>
              <a:ext cx="296725" cy="460450"/>
            </a:xfrm>
            <a:custGeom>
              <a:avLst/>
              <a:gdLst/>
              <a:ahLst/>
              <a:cxnLst/>
              <a:rect l="l" t="t" r="r" b="b"/>
              <a:pathLst>
                <a:path w="11869" h="18418" extrusionOk="0">
                  <a:moveTo>
                    <a:pt x="536" y="0"/>
                  </a:moveTo>
                  <a:cubicBezTo>
                    <a:pt x="241" y="0"/>
                    <a:pt x="1" y="240"/>
                    <a:pt x="1" y="537"/>
                  </a:cubicBezTo>
                  <a:lnTo>
                    <a:pt x="1" y="18418"/>
                  </a:lnTo>
                  <a:lnTo>
                    <a:pt x="11869" y="18418"/>
                  </a:lnTo>
                  <a:lnTo>
                    <a:pt x="11869" y="537"/>
                  </a:lnTo>
                  <a:cubicBezTo>
                    <a:pt x="11869" y="240"/>
                    <a:pt x="11629" y="0"/>
                    <a:pt x="11333"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0" name="Google Shape;880;p34"/>
            <p:cNvSpPr/>
            <p:nvPr/>
          </p:nvSpPr>
          <p:spPr>
            <a:xfrm>
              <a:off x="6403200" y="3874300"/>
              <a:ext cx="254225" cy="185775"/>
            </a:xfrm>
            <a:custGeom>
              <a:avLst/>
              <a:gdLst/>
              <a:ahLst/>
              <a:cxnLst/>
              <a:rect l="l" t="t" r="r" b="b"/>
              <a:pathLst>
                <a:path w="10169" h="7431" extrusionOk="0">
                  <a:moveTo>
                    <a:pt x="1" y="0"/>
                  </a:moveTo>
                  <a:lnTo>
                    <a:pt x="1" y="7430"/>
                  </a:lnTo>
                  <a:lnTo>
                    <a:pt x="10169" y="7430"/>
                  </a:lnTo>
                  <a:lnTo>
                    <a:pt x="10169"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1" name="Google Shape;881;p34"/>
            <p:cNvSpPr/>
            <p:nvPr/>
          </p:nvSpPr>
          <p:spPr>
            <a:xfrm>
              <a:off x="6415775" y="3886925"/>
              <a:ext cx="229100" cy="160500"/>
            </a:xfrm>
            <a:custGeom>
              <a:avLst/>
              <a:gdLst/>
              <a:ahLst/>
              <a:cxnLst/>
              <a:rect l="l" t="t" r="r" b="b"/>
              <a:pathLst>
                <a:path w="9164" h="6420" extrusionOk="0">
                  <a:moveTo>
                    <a:pt x="0" y="1"/>
                  </a:moveTo>
                  <a:lnTo>
                    <a:pt x="0" y="6420"/>
                  </a:lnTo>
                  <a:lnTo>
                    <a:pt x="9164" y="6420"/>
                  </a:lnTo>
                  <a:lnTo>
                    <a:pt x="9164" y="1"/>
                  </a:ln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2" name="Google Shape;882;p34"/>
            <p:cNvSpPr/>
            <p:nvPr/>
          </p:nvSpPr>
          <p:spPr>
            <a:xfrm>
              <a:off x="6415775" y="3886925"/>
              <a:ext cx="95450" cy="112575"/>
            </a:xfrm>
            <a:custGeom>
              <a:avLst/>
              <a:gdLst/>
              <a:ahLst/>
              <a:cxnLst/>
              <a:rect l="l" t="t" r="r" b="b"/>
              <a:pathLst>
                <a:path w="3818" h="4503" extrusionOk="0">
                  <a:moveTo>
                    <a:pt x="1840" y="1"/>
                  </a:moveTo>
                  <a:lnTo>
                    <a:pt x="0" y="2201"/>
                  </a:lnTo>
                  <a:lnTo>
                    <a:pt x="0" y="4502"/>
                  </a:lnTo>
                  <a:lnTo>
                    <a:pt x="3817" y="1"/>
                  </a:ln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3" name="Google Shape;883;p34"/>
            <p:cNvSpPr/>
            <p:nvPr/>
          </p:nvSpPr>
          <p:spPr>
            <a:xfrm>
              <a:off x="6415775" y="3886925"/>
              <a:ext cx="133100" cy="154700"/>
            </a:xfrm>
            <a:custGeom>
              <a:avLst/>
              <a:gdLst/>
              <a:ahLst/>
              <a:cxnLst/>
              <a:rect l="l" t="t" r="r" b="b"/>
              <a:pathLst>
                <a:path w="5324" h="6188" extrusionOk="0">
                  <a:moveTo>
                    <a:pt x="4638" y="1"/>
                  </a:moveTo>
                  <a:lnTo>
                    <a:pt x="0" y="5525"/>
                  </a:lnTo>
                  <a:lnTo>
                    <a:pt x="0" y="6187"/>
                  </a:lnTo>
                  <a:lnTo>
                    <a:pt x="5323" y="1"/>
                  </a:ln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4" name="Google Shape;884;p34"/>
            <p:cNvSpPr/>
            <p:nvPr/>
          </p:nvSpPr>
          <p:spPr>
            <a:xfrm>
              <a:off x="6318650" y="3880025"/>
              <a:ext cx="63325" cy="34900"/>
            </a:xfrm>
            <a:custGeom>
              <a:avLst/>
              <a:gdLst/>
              <a:ahLst/>
              <a:cxnLst/>
              <a:rect l="l" t="t" r="r" b="b"/>
              <a:pathLst>
                <a:path w="2533" h="1396" extrusionOk="0">
                  <a:moveTo>
                    <a:pt x="697" y="1"/>
                  </a:moveTo>
                  <a:cubicBezTo>
                    <a:pt x="313" y="1"/>
                    <a:pt x="0" y="313"/>
                    <a:pt x="0" y="698"/>
                  </a:cubicBezTo>
                  <a:cubicBezTo>
                    <a:pt x="0" y="1083"/>
                    <a:pt x="313" y="1395"/>
                    <a:pt x="697" y="1395"/>
                  </a:cubicBezTo>
                  <a:lnTo>
                    <a:pt x="2533" y="1395"/>
                  </a:lnTo>
                  <a:lnTo>
                    <a:pt x="2533"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5" name="Google Shape;885;p34"/>
            <p:cNvSpPr/>
            <p:nvPr/>
          </p:nvSpPr>
          <p:spPr>
            <a:xfrm>
              <a:off x="6318650" y="3938475"/>
              <a:ext cx="63325" cy="34875"/>
            </a:xfrm>
            <a:custGeom>
              <a:avLst/>
              <a:gdLst/>
              <a:ahLst/>
              <a:cxnLst/>
              <a:rect l="l" t="t" r="r" b="b"/>
              <a:pathLst>
                <a:path w="2533" h="1395" extrusionOk="0">
                  <a:moveTo>
                    <a:pt x="697" y="1"/>
                  </a:moveTo>
                  <a:cubicBezTo>
                    <a:pt x="313" y="1"/>
                    <a:pt x="0" y="313"/>
                    <a:pt x="0" y="698"/>
                  </a:cubicBezTo>
                  <a:cubicBezTo>
                    <a:pt x="0" y="1082"/>
                    <a:pt x="313" y="1394"/>
                    <a:pt x="697" y="1394"/>
                  </a:cubicBezTo>
                  <a:lnTo>
                    <a:pt x="2533" y="1394"/>
                  </a:lnTo>
                  <a:lnTo>
                    <a:pt x="2533"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6" name="Google Shape;886;p34"/>
            <p:cNvSpPr/>
            <p:nvPr/>
          </p:nvSpPr>
          <p:spPr>
            <a:xfrm>
              <a:off x="6318650" y="3996925"/>
              <a:ext cx="63325" cy="34875"/>
            </a:xfrm>
            <a:custGeom>
              <a:avLst/>
              <a:gdLst/>
              <a:ahLst/>
              <a:cxnLst/>
              <a:rect l="l" t="t" r="r" b="b"/>
              <a:pathLst>
                <a:path w="2533" h="1395" extrusionOk="0">
                  <a:moveTo>
                    <a:pt x="697" y="0"/>
                  </a:moveTo>
                  <a:cubicBezTo>
                    <a:pt x="313" y="0"/>
                    <a:pt x="0" y="312"/>
                    <a:pt x="0" y="698"/>
                  </a:cubicBezTo>
                  <a:cubicBezTo>
                    <a:pt x="0" y="1082"/>
                    <a:pt x="313" y="1395"/>
                    <a:pt x="697" y="1395"/>
                  </a:cubicBezTo>
                  <a:lnTo>
                    <a:pt x="2533" y="1395"/>
                  </a:lnTo>
                  <a:lnTo>
                    <a:pt x="2533"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7" name="Google Shape;887;p34"/>
            <p:cNvSpPr/>
            <p:nvPr/>
          </p:nvSpPr>
          <p:spPr>
            <a:xfrm>
              <a:off x="6318650" y="4055375"/>
              <a:ext cx="63325" cy="34850"/>
            </a:xfrm>
            <a:custGeom>
              <a:avLst/>
              <a:gdLst/>
              <a:ahLst/>
              <a:cxnLst/>
              <a:rect l="l" t="t" r="r" b="b"/>
              <a:pathLst>
                <a:path w="2533" h="1394" extrusionOk="0">
                  <a:moveTo>
                    <a:pt x="697" y="0"/>
                  </a:moveTo>
                  <a:cubicBezTo>
                    <a:pt x="313" y="0"/>
                    <a:pt x="0" y="312"/>
                    <a:pt x="0" y="697"/>
                  </a:cubicBezTo>
                  <a:cubicBezTo>
                    <a:pt x="0" y="1082"/>
                    <a:pt x="313" y="1394"/>
                    <a:pt x="697" y="1394"/>
                  </a:cubicBezTo>
                  <a:lnTo>
                    <a:pt x="2533" y="1394"/>
                  </a:lnTo>
                  <a:lnTo>
                    <a:pt x="2533"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8" name="Google Shape;888;p34"/>
            <p:cNvSpPr/>
            <p:nvPr/>
          </p:nvSpPr>
          <p:spPr>
            <a:xfrm>
              <a:off x="6324075" y="3885325"/>
              <a:ext cx="24300" cy="24300"/>
            </a:xfrm>
            <a:custGeom>
              <a:avLst/>
              <a:gdLst/>
              <a:ahLst/>
              <a:cxnLst/>
              <a:rect l="l" t="t" r="r" b="b"/>
              <a:pathLst>
                <a:path w="972" h="972" extrusionOk="0">
                  <a:moveTo>
                    <a:pt x="485" y="1"/>
                  </a:moveTo>
                  <a:cubicBezTo>
                    <a:pt x="218" y="1"/>
                    <a:pt x="1" y="218"/>
                    <a:pt x="1" y="486"/>
                  </a:cubicBezTo>
                  <a:cubicBezTo>
                    <a:pt x="1" y="754"/>
                    <a:pt x="218" y="971"/>
                    <a:pt x="485" y="971"/>
                  </a:cubicBezTo>
                  <a:cubicBezTo>
                    <a:pt x="754" y="971"/>
                    <a:pt x="971" y="754"/>
                    <a:pt x="971" y="486"/>
                  </a:cubicBezTo>
                  <a:cubicBezTo>
                    <a:pt x="971" y="218"/>
                    <a:pt x="754" y="1"/>
                    <a:pt x="485" y="1"/>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9" name="Google Shape;889;p34"/>
            <p:cNvSpPr/>
            <p:nvPr/>
          </p:nvSpPr>
          <p:spPr>
            <a:xfrm>
              <a:off x="6324075" y="3943775"/>
              <a:ext cx="24300" cy="24275"/>
            </a:xfrm>
            <a:custGeom>
              <a:avLst/>
              <a:gdLst/>
              <a:ahLst/>
              <a:cxnLst/>
              <a:rect l="l" t="t" r="r" b="b"/>
              <a:pathLst>
                <a:path w="972" h="971" extrusionOk="0">
                  <a:moveTo>
                    <a:pt x="485" y="1"/>
                  </a:moveTo>
                  <a:cubicBezTo>
                    <a:pt x="218" y="1"/>
                    <a:pt x="1" y="218"/>
                    <a:pt x="1" y="486"/>
                  </a:cubicBezTo>
                  <a:cubicBezTo>
                    <a:pt x="1" y="753"/>
                    <a:pt x="218" y="970"/>
                    <a:pt x="485" y="970"/>
                  </a:cubicBezTo>
                  <a:cubicBezTo>
                    <a:pt x="754" y="970"/>
                    <a:pt x="971" y="753"/>
                    <a:pt x="971" y="486"/>
                  </a:cubicBezTo>
                  <a:cubicBezTo>
                    <a:pt x="971" y="218"/>
                    <a:pt x="754" y="1"/>
                    <a:pt x="485" y="1"/>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0" name="Google Shape;890;p34"/>
            <p:cNvSpPr/>
            <p:nvPr/>
          </p:nvSpPr>
          <p:spPr>
            <a:xfrm>
              <a:off x="6324075" y="4002225"/>
              <a:ext cx="24300" cy="24275"/>
            </a:xfrm>
            <a:custGeom>
              <a:avLst/>
              <a:gdLst/>
              <a:ahLst/>
              <a:cxnLst/>
              <a:rect l="l" t="t" r="r" b="b"/>
              <a:pathLst>
                <a:path w="972" h="971" extrusionOk="0">
                  <a:moveTo>
                    <a:pt x="485" y="0"/>
                  </a:moveTo>
                  <a:cubicBezTo>
                    <a:pt x="218" y="0"/>
                    <a:pt x="1" y="217"/>
                    <a:pt x="1" y="486"/>
                  </a:cubicBezTo>
                  <a:cubicBezTo>
                    <a:pt x="1" y="754"/>
                    <a:pt x="218" y="971"/>
                    <a:pt x="485" y="971"/>
                  </a:cubicBezTo>
                  <a:cubicBezTo>
                    <a:pt x="754" y="971"/>
                    <a:pt x="971" y="754"/>
                    <a:pt x="971" y="486"/>
                  </a:cubicBezTo>
                  <a:cubicBezTo>
                    <a:pt x="971" y="217"/>
                    <a:pt x="754" y="0"/>
                    <a:pt x="485"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1" name="Google Shape;891;p34"/>
            <p:cNvSpPr/>
            <p:nvPr/>
          </p:nvSpPr>
          <p:spPr>
            <a:xfrm>
              <a:off x="6324075" y="4060675"/>
              <a:ext cx="24300" cy="24250"/>
            </a:xfrm>
            <a:custGeom>
              <a:avLst/>
              <a:gdLst/>
              <a:ahLst/>
              <a:cxnLst/>
              <a:rect l="l" t="t" r="r" b="b"/>
              <a:pathLst>
                <a:path w="972" h="970" extrusionOk="0">
                  <a:moveTo>
                    <a:pt x="485" y="0"/>
                  </a:moveTo>
                  <a:cubicBezTo>
                    <a:pt x="218" y="0"/>
                    <a:pt x="1" y="217"/>
                    <a:pt x="1" y="485"/>
                  </a:cubicBezTo>
                  <a:cubicBezTo>
                    <a:pt x="1" y="753"/>
                    <a:pt x="218" y="970"/>
                    <a:pt x="485" y="970"/>
                  </a:cubicBezTo>
                  <a:cubicBezTo>
                    <a:pt x="754" y="970"/>
                    <a:pt x="971" y="753"/>
                    <a:pt x="971" y="485"/>
                  </a:cubicBezTo>
                  <a:cubicBezTo>
                    <a:pt x="971" y="217"/>
                    <a:pt x="754" y="0"/>
                    <a:pt x="485"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2" name="Google Shape;892;p34"/>
            <p:cNvSpPr/>
            <p:nvPr/>
          </p:nvSpPr>
          <p:spPr>
            <a:xfrm>
              <a:off x="6666675" y="4282800"/>
              <a:ext cx="190900" cy="27500"/>
            </a:xfrm>
            <a:custGeom>
              <a:avLst/>
              <a:gdLst/>
              <a:ahLst/>
              <a:cxnLst/>
              <a:rect l="l" t="t" r="r" b="b"/>
              <a:pathLst>
                <a:path w="7636" h="1100" extrusionOk="0">
                  <a:moveTo>
                    <a:pt x="0" y="1"/>
                  </a:moveTo>
                  <a:lnTo>
                    <a:pt x="0" y="1100"/>
                  </a:lnTo>
                  <a:lnTo>
                    <a:pt x="7636" y="1100"/>
                  </a:lnTo>
                  <a:lnTo>
                    <a:pt x="7636"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3" name="Google Shape;893;p34"/>
            <p:cNvSpPr/>
            <p:nvPr/>
          </p:nvSpPr>
          <p:spPr>
            <a:xfrm>
              <a:off x="6704125" y="4258250"/>
              <a:ext cx="134900" cy="24575"/>
            </a:xfrm>
            <a:custGeom>
              <a:avLst/>
              <a:gdLst/>
              <a:ahLst/>
              <a:cxnLst/>
              <a:rect l="l" t="t" r="r" b="b"/>
              <a:pathLst>
                <a:path w="5396" h="983" extrusionOk="0">
                  <a:moveTo>
                    <a:pt x="567" y="1"/>
                  </a:moveTo>
                  <a:lnTo>
                    <a:pt x="1" y="983"/>
                  </a:lnTo>
                  <a:lnTo>
                    <a:pt x="5396" y="983"/>
                  </a:lnTo>
                  <a:lnTo>
                    <a:pt x="4829"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4" name="Google Shape;894;p34"/>
            <p:cNvSpPr/>
            <p:nvPr/>
          </p:nvSpPr>
          <p:spPr>
            <a:xfrm>
              <a:off x="6760350" y="4174825"/>
              <a:ext cx="22475" cy="83200"/>
            </a:xfrm>
            <a:custGeom>
              <a:avLst/>
              <a:gdLst/>
              <a:ahLst/>
              <a:cxnLst/>
              <a:rect l="l" t="t" r="r" b="b"/>
              <a:pathLst>
                <a:path w="899" h="3328" extrusionOk="0">
                  <a:moveTo>
                    <a:pt x="0" y="1"/>
                  </a:moveTo>
                  <a:lnTo>
                    <a:pt x="0" y="3327"/>
                  </a:lnTo>
                  <a:lnTo>
                    <a:pt x="898" y="3327"/>
                  </a:lnTo>
                  <a:lnTo>
                    <a:pt x="898"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5" name="Google Shape;895;p34"/>
            <p:cNvSpPr/>
            <p:nvPr/>
          </p:nvSpPr>
          <p:spPr>
            <a:xfrm>
              <a:off x="6753300" y="4204025"/>
              <a:ext cx="37700" cy="10400"/>
            </a:xfrm>
            <a:custGeom>
              <a:avLst/>
              <a:gdLst/>
              <a:ahLst/>
              <a:cxnLst/>
              <a:rect l="l" t="t" r="r" b="b"/>
              <a:pathLst>
                <a:path w="1508" h="416" extrusionOk="0">
                  <a:moveTo>
                    <a:pt x="209" y="0"/>
                  </a:moveTo>
                  <a:cubicBezTo>
                    <a:pt x="94" y="0"/>
                    <a:pt x="1" y="93"/>
                    <a:pt x="1" y="208"/>
                  </a:cubicBezTo>
                  <a:cubicBezTo>
                    <a:pt x="1" y="323"/>
                    <a:pt x="94" y="416"/>
                    <a:pt x="209" y="416"/>
                  </a:cubicBezTo>
                  <a:lnTo>
                    <a:pt x="1299" y="416"/>
                  </a:lnTo>
                  <a:cubicBezTo>
                    <a:pt x="1414" y="416"/>
                    <a:pt x="1507" y="323"/>
                    <a:pt x="1507" y="208"/>
                  </a:cubicBezTo>
                  <a:cubicBezTo>
                    <a:pt x="1507" y="93"/>
                    <a:pt x="1414" y="0"/>
                    <a:pt x="1299"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6" name="Google Shape;896;p34"/>
            <p:cNvSpPr/>
            <p:nvPr/>
          </p:nvSpPr>
          <p:spPr>
            <a:xfrm>
              <a:off x="6753300" y="4221800"/>
              <a:ext cx="37700" cy="10400"/>
            </a:xfrm>
            <a:custGeom>
              <a:avLst/>
              <a:gdLst/>
              <a:ahLst/>
              <a:cxnLst/>
              <a:rect l="l" t="t" r="r" b="b"/>
              <a:pathLst>
                <a:path w="1508" h="416" extrusionOk="0">
                  <a:moveTo>
                    <a:pt x="209" y="0"/>
                  </a:moveTo>
                  <a:cubicBezTo>
                    <a:pt x="94" y="0"/>
                    <a:pt x="1" y="93"/>
                    <a:pt x="1" y="208"/>
                  </a:cubicBezTo>
                  <a:cubicBezTo>
                    <a:pt x="1" y="323"/>
                    <a:pt x="94" y="416"/>
                    <a:pt x="209" y="416"/>
                  </a:cubicBezTo>
                  <a:lnTo>
                    <a:pt x="1299" y="416"/>
                  </a:lnTo>
                  <a:cubicBezTo>
                    <a:pt x="1414" y="416"/>
                    <a:pt x="1507" y="323"/>
                    <a:pt x="1507" y="208"/>
                  </a:cubicBezTo>
                  <a:cubicBezTo>
                    <a:pt x="1507" y="93"/>
                    <a:pt x="1414" y="0"/>
                    <a:pt x="1299"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7" name="Google Shape;897;p34"/>
            <p:cNvSpPr/>
            <p:nvPr/>
          </p:nvSpPr>
          <p:spPr>
            <a:xfrm>
              <a:off x="6753300" y="4239600"/>
              <a:ext cx="37700" cy="10400"/>
            </a:xfrm>
            <a:custGeom>
              <a:avLst/>
              <a:gdLst/>
              <a:ahLst/>
              <a:cxnLst/>
              <a:rect l="l" t="t" r="r" b="b"/>
              <a:pathLst>
                <a:path w="1508" h="416" extrusionOk="0">
                  <a:moveTo>
                    <a:pt x="209" y="0"/>
                  </a:moveTo>
                  <a:cubicBezTo>
                    <a:pt x="94" y="0"/>
                    <a:pt x="1" y="93"/>
                    <a:pt x="1" y="208"/>
                  </a:cubicBezTo>
                  <a:cubicBezTo>
                    <a:pt x="1" y="323"/>
                    <a:pt x="94" y="416"/>
                    <a:pt x="209" y="416"/>
                  </a:cubicBezTo>
                  <a:lnTo>
                    <a:pt x="1299" y="416"/>
                  </a:lnTo>
                  <a:cubicBezTo>
                    <a:pt x="1414" y="416"/>
                    <a:pt x="1507" y="323"/>
                    <a:pt x="1507" y="208"/>
                  </a:cubicBezTo>
                  <a:cubicBezTo>
                    <a:pt x="1507" y="93"/>
                    <a:pt x="1414" y="0"/>
                    <a:pt x="1299"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8" name="Google Shape;898;p34"/>
            <p:cNvSpPr/>
            <p:nvPr/>
          </p:nvSpPr>
          <p:spPr>
            <a:xfrm>
              <a:off x="6760350" y="4174825"/>
              <a:ext cx="22475" cy="15775"/>
            </a:xfrm>
            <a:custGeom>
              <a:avLst/>
              <a:gdLst/>
              <a:ahLst/>
              <a:cxnLst/>
              <a:rect l="l" t="t" r="r" b="b"/>
              <a:pathLst>
                <a:path w="899" h="631" extrusionOk="0">
                  <a:moveTo>
                    <a:pt x="0" y="1"/>
                  </a:moveTo>
                  <a:lnTo>
                    <a:pt x="0" y="512"/>
                  </a:lnTo>
                  <a:cubicBezTo>
                    <a:pt x="141" y="587"/>
                    <a:pt x="301" y="631"/>
                    <a:pt x="471" y="631"/>
                  </a:cubicBezTo>
                  <a:cubicBezTo>
                    <a:pt x="624" y="631"/>
                    <a:pt x="769" y="594"/>
                    <a:pt x="898" y="533"/>
                  </a:cubicBezTo>
                  <a:lnTo>
                    <a:pt x="898"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9" name="Google Shape;899;p34"/>
            <p:cNvSpPr/>
            <p:nvPr/>
          </p:nvSpPr>
          <p:spPr>
            <a:xfrm>
              <a:off x="6747225" y="4135675"/>
              <a:ext cx="49825" cy="49850"/>
            </a:xfrm>
            <a:custGeom>
              <a:avLst/>
              <a:gdLst/>
              <a:ahLst/>
              <a:cxnLst/>
              <a:rect l="l" t="t" r="r" b="b"/>
              <a:pathLst>
                <a:path w="1993" h="1994" extrusionOk="0">
                  <a:moveTo>
                    <a:pt x="996" y="1"/>
                  </a:moveTo>
                  <a:cubicBezTo>
                    <a:pt x="447" y="1"/>
                    <a:pt x="0" y="446"/>
                    <a:pt x="0" y="997"/>
                  </a:cubicBezTo>
                  <a:cubicBezTo>
                    <a:pt x="0" y="1547"/>
                    <a:pt x="447" y="1994"/>
                    <a:pt x="996" y="1994"/>
                  </a:cubicBezTo>
                  <a:cubicBezTo>
                    <a:pt x="1547" y="1994"/>
                    <a:pt x="1993" y="1547"/>
                    <a:pt x="1993" y="997"/>
                  </a:cubicBezTo>
                  <a:cubicBezTo>
                    <a:pt x="1993" y="446"/>
                    <a:pt x="1547" y="1"/>
                    <a:pt x="996"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0" name="Google Shape;900;p34"/>
            <p:cNvSpPr/>
            <p:nvPr/>
          </p:nvSpPr>
          <p:spPr>
            <a:xfrm>
              <a:off x="6411525" y="4080075"/>
              <a:ext cx="23500" cy="23500"/>
            </a:xfrm>
            <a:custGeom>
              <a:avLst/>
              <a:gdLst/>
              <a:ahLst/>
              <a:cxnLst/>
              <a:rect l="l" t="t" r="r" b="b"/>
              <a:pathLst>
                <a:path w="940" h="940" extrusionOk="0">
                  <a:moveTo>
                    <a:pt x="1" y="0"/>
                  </a:moveTo>
                  <a:lnTo>
                    <a:pt x="1" y="939"/>
                  </a:lnTo>
                  <a:lnTo>
                    <a:pt x="939" y="939"/>
                  </a:lnTo>
                  <a:lnTo>
                    <a:pt x="939"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1" name="Google Shape;901;p34"/>
            <p:cNvSpPr/>
            <p:nvPr/>
          </p:nvSpPr>
          <p:spPr>
            <a:xfrm>
              <a:off x="6447225" y="4080075"/>
              <a:ext cx="23475" cy="23500"/>
            </a:xfrm>
            <a:custGeom>
              <a:avLst/>
              <a:gdLst/>
              <a:ahLst/>
              <a:cxnLst/>
              <a:rect l="l" t="t" r="r" b="b"/>
              <a:pathLst>
                <a:path w="939" h="940" extrusionOk="0">
                  <a:moveTo>
                    <a:pt x="0" y="0"/>
                  </a:moveTo>
                  <a:lnTo>
                    <a:pt x="0" y="939"/>
                  </a:lnTo>
                  <a:lnTo>
                    <a:pt x="939" y="939"/>
                  </a:lnTo>
                  <a:lnTo>
                    <a:pt x="939"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2" name="Google Shape;902;p34"/>
            <p:cNvSpPr/>
            <p:nvPr/>
          </p:nvSpPr>
          <p:spPr>
            <a:xfrm>
              <a:off x="6482900" y="4080075"/>
              <a:ext cx="23500" cy="23500"/>
            </a:xfrm>
            <a:custGeom>
              <a:avLst/>
              <a:gdLst/>
              <a:ahLst/>
              <a:cxnLst/>
              <a:rect l="l" t="t" r="r" b="b"/>
              <a:pathLst>
                <a:path w="940" h="940" extrusionOk="0">
                  <a:moveTo>
                    <a:pt x="1" y="0"/>
                  </a:moveTo>
                  <a:lnTo>
                    <a:pt x="1" y="939"/>
                  </a:lnTo>
                  <a:lnTo>
                    <a:pt x="939" y="939"/>
                  </a:lnTo>
                  <a:lnTo>
                    <a:pt x="939"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3" name="Google Shape;903;p34"/>
            <p:cNvSpPr/>
            <p:nvPr/>
          </p:nvSpPr>
          <p:spPr>
            <a:xfrm>
              <a:off x="6518575" y="4080075"/>
              <a:ext cx="23475" cy="23500"/>
            </a:xfrm>
            <a:custGeom>
              <a:avLst/>
              <a:gdLst/>
              <a:ahLst/>
              <a:cxnLst/>
              <a:rect l="l" t="t" r="r" b="b"/>
              <a:pathLst>
                <a:path w="939" h="940" extrusionOk="0">
                  <a:moveTo>
                    <a:pt x="0" y="0"/>
                  </a:moveTo>
                  <a:lnTo>
                    <a:pt x="0" y="939"/>
                  </a:lnTo>
                  <a:lnTo>
                    <a:pt x="939" y="939"/>
                  </a:lnTo>
                  <a:lnTo>
                    <a:pt x="939"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4" name="Google Shape;904;p34"/>
            <p:cNvSpPr/>
            <p:nvPr/>
          </p:nvSpPr>
          <p:spPr>
            <a:xfrm>
              <a:off x="6554250" y="4080075"/>
              <a:ext cx="23500" cy="23500"/>
            </a:xfrm>
            <a:custGeom>
              <a:avLst/>
              <a:gdLst/>
              <a:ahLst/>
              <a:cxnLst/>
              <a:rect l="l" t="t" r="r" b="b"/>
              <a:pathLst>
                <a:path w="940" h="940" extrusionOk="0">
                  <a:moveTo>
                    <a:pt x="1" y="0"/>
                  </a:moveTo>
                  <a:lnTo>
                    <a:pt x="1" y="939"/>
                  </a:lnTo>
                  <a:lnTo>
                    <a:pt x="939" y="939"/>
                  </a:lnTo>
                  <a:lnTo>
                    <a:pt x="939"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5" name="Google Shape;905;p34"/>
            <p:cNvSpPr/>
            <p:nvPr/>
          </p:nvSpPr>
          <p:spPr>
            <a:xfrm>
              <a:off x="6589950" y="4080075"/>
              <a:ext cx="23475" cy="23500"/>
            </a:xfrm>
            <a:custGeom>
              <a:avLst/>
              <a:gdLst/>
              <a:ahLst/>
              <a:cxnLst/>
              <a:rect l="l" t="t" r="r" b="b"/>
              <a:pathLst>
                <a:path w="939" h="940" extrusionOk="0">
                  <a:moveTo>
                    <a:pt x="0" y="0"/>
                  </a:moveTo>
                  <a:lnTo>
                    <a:pt x="0" y="939"/>
                  </a:lnTo>
                  <a:lnTo>
                    <a:pt x="939" y="939"/>
                  </a:lnTo>
                  <a:lnTo>
                    <a:pt x="939"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6" name="Google Shape;906;p34"/>
            <p:cNvSpPr/>
            <p:nvPr/>
          </p:nvSpPr>
          <p:spPr>
            <a:xfrm>
              <a:off x="6625625" y="4080075"/>
              <a:ext cx="23500" cy="23500"/>
            </a:xfrm>
            <a:custGeom>
              <a:avLst/>
              <a:gdLst/>
              <a:ahLst/>
              <a:cxnLst/>
              <a:rect l="l" t="t" r="r" b="b"/>
              <a:pathLst>
                <a:path w="940" h="940" extrusionOk="0">
                  <a:moveTo>
                    <a:pt x="1" y="0"/>
                  </a:moveTo>
                  <a:lnTo>
                    <a:pt x="1" y="939"/>
                  </a:lnTo>
                  <a:lnTo>
                    <a:pt x="939" y="939"/>
                  </a:lnTo>
                  <a:lnTo>
                    <a:pt x="939" y="0"/>
                  </a:ln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7" name="Google Shape;907;p34"/>
            <p:cNvSpPr/>
            <p:nvPr/>
          </p:nvSpPr>
          <p:spPr>
            <a:xfrm>
              <a:off x="6411525" y="4165150"/>
              <a:ext cx="15025" cy="15000"/>
            </a:xfrm>
            <a:custGeom>
              <a:avLst/>
              <a:gdLst/>
              <a:ahLst/>
              <a:cxnLst/>
              <a:rect l="l" t="t" r="r" b="b"/>
              <a:pathLst>
                <a:path w="601" h="600" extrusionOk="0">
                  <a:moveTo>
                    <a:pt x="1" y="0"/>
                  </a:moveTo>
                  <a:lnTo>
                    <a:pt x="1" y="600"/>
                  </a:lnTo>
                  <a:lnTo>
                    <a:pt x="600" y="600"/>
                  </a:lnTo>
                  <a:lnTo>
                    <a:pt x="60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8" name="Google Shape;908;p34"/>
            <p:cNvSpPr/>
            <p:nvPr/>
          </p:nvSpPr>
          <p:spPr>
            <a:xfrm>
              <a:off x="6432200" y="4165150"/>
              <a:ext cx="15050" cy="15000"/>
            </a:xfrm>
            <a:custGeom>
              <a:avLst/>
              <a:gdLst/>
              <a:ahLst/>
              <a:cxnLst/>
              <a:rect l="l" t="t" r="r" b="b"/>
              <a:pathLst>
                <a:path w="602" h="600" extrusionOk="0">
                  <a:moveTo>
                    <a:pt x="0" y="0"/>
                  </a:moveTo>
                  <a:lnTo>
                    <a:pt x="0" y="600"/>
                  </a:lnTo>
                  <a:lnTo>
                    <a:pt x="601" y="600"/>
                  </a:lnTo>
                  <a:lnTo>
                    <a:pt x="601"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9" name="Google Shape;909;p34"/>
            <p:cNvSpPr/>
            <p:nvPr/>
          </p:nvSpPr>
          <p:spPr>
            <a:xfrm>
              <a:off x="6452900" y="4165150"/>
              <a:ext cx="15000" cy="15000"/>
            </a:xfrm>
            <a:custGeom>
              <a:avLst/>
              <a:gdLst/>
              <a:ahLst/>
              <a:cxnLst/>
              <a:rect l="l" t="t" r="r" b="b"/>
              <a:pathLst>
                <a:path w="600" h="600" extrusionOk="0">
                  <a:moveTo>
                    <a:pt x="0" y="0"/>
                  </a:moveTo>
                  <a:lnTo>
                    <a:pt x="0" y="600"/>
                  </a:lnTo>
                  <a:lnTo>
                    <a:pt x="600" y="600"/>
                  </a:lnTo>
                  <a:lnTo>
                    <a:pt x="60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0" name="Google Shape;910;p34"/>
            <p:cNvSpPr/>
            <p:nvPr/>
          </p:nvSpPr>
          <p:spPr>
            <a:xfrm>
              <a:off x="6473575" y="4165150"/>
              <a:ext cx="15025" cy="15000"/>
            </a:xfrm>
            <a:custGeom>
              <a:avLst/>
              <a:gdLst/>
              <a:ahLst/>
              <a:cxnLst/>
              <a:rect l="l" t="t" r="r" b="b"/>
              <a:pathLst>
                <a:path w="601" h="600" extrusionOk="0">
                  <a:moveTo>
                    <a:pt x="0" y="0"/>
                  </a:moveTo>
                  <a:lnTo>
                    <a:pt x="0" y="600"/>
                  </a:lnTo>
                  <a:lnTo>
                    <a:pt x="601" y="600"/>
                  </a:lnTo>
                  <a:lnTo>
                    <a:pt x="601"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1" name="Google Shape;911;p34"/>
            <p:cNvSpPr/>
            <p:nvPr/>
          </p:nvSpPr>
          <p:spPr>
            <a:xfrm>
              <a:off x="6494275" y="4165150"/>
              <a:ext cx="15000" cy="15000"/>
            </a:xfrm>
            <a:custGeom>
              <a:avLst/>
              <a:gdLst/>
              <a:ahLst/>
              <a:cxnLst/>
              <a:rect l="l" t="t" r="r" b="b"/>
              <a:pathLst>
                <a:path w="600" h="600" extrusionOk="0">
                  <a:moveTo>
                    <a:pt x="0" y="0"/>
                  </a:moveTo>
                  <a:lnTo>
                    <a:pt x="0" y="600"/>
                  </a:lnTo>
                  <a:lnTo>
                    <a:pt x="600" y="600"/>
                  </a:lnTo>
                  <a:lnTo>
                    <a:pt x="60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2" name="Google Shape;912;p34"/>
            <p:cNvSpPr/>
            <p:nvPr/>
          </p:nvSpPr>
          <p:spPr>
            <a:xfrm>
              <a:off x="6411525" y="4184800"/>
              <a:ext cx="15025" cy="15025"/>
            </a:xfrm>
            <a:custGeom>
              <a:avLst/>
              <a:gdLst/>
              <a:ahLst/>
              <a:cxnLst/>
              <a:rect l="l" t="t" r="r" b="b"/>
              <a:pathLst>
                <a:path w="601" h="601" extrusionOk="0">
                  <a:moveTo>
                    <a:pt x="1" y="1"/>
                  </a:moveTo>
                  <a:lnTo>
                    <a:pt x="1" y="601"/>
                  </a:lnTo>
                  <a:lnTo>
                    <a:pt x="600" y="601"/>
                  </a:lnTo>
                  <a:lnTo>
                    <a:pt x="600"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3" name="Google Shape;913;p34"/>
            <p:cNvSpPr/>
            <p:nvPr/>
          </p:nvSpPr>
          <p:spPr>
            <a:xfrm>
              <a:off x="6432200" y="4184800"/>
              <a:ext cx="15050" cy="15025"/>
            </a:xfrm>
            <a:custGeom>
              <a:avLst/>
              <a:gdLst/>
              <a:ahLst/>
              <a:cxnLst/>
              <a:rect l="l" t="t" r="r" b="b"/>
              <a:pathLst>
                <a:path w="602" h="601" extrusionOk="0">
                  <a:moveTo>
                    <a:pt x="0" y="1"/>
                  </a:moveTo>
                  <a:lnTo>
                    <a:pt x="0" y="601"/>
                  </a:lnTo>
                  <a:lnTo>
                    <a:pt x="601" y="601"/>
                  </a:lnTo>
                  <a:lnTo>
                    <a:pt x="60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4" name="Google Shape;914;p34"/>
            <p:cNvSpPr/>
            <p:nvPr/>
          </p:nvSpPr>
          <p:spPr>
            <a:xfrm>
              <a:off x="6452900" y="4184800"/>
              <a:ext cx="15000" cy="15025"/>
            </a:xfrm>
            <a:custGeom>
              <a:avLst/>
              <a:gdLst/>
              <a:ahLst/>
              <a:cxnLst/>
              <a:rect l="l" t="t" r="r" b="b"/>
              <a:pathLst>
                <a:path w="600" h="601" extrusionOk="0">
                  <a:moveTo>
                    <a:pt x="0" y="1"/>
                  </a:moveTo>
                  <a:lnTo>
                    <a:pt x="0" y="601"/>
                  </a:lnTo>
                  <a:lnTo>
                    <a:pt x="600" y="601"/>
                  </a:lnTo>
                  <a:lnTo>
                    <a:pt x="600"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5" name="Google Shape;915;p34"/>
            <p:cNvSpPr/>
            <p:nvPr/>
          </p:nvSpPr>
          <p:spPr>
            <a:xfrm>
              <a:off x="6473575" y="4184800"/>
              <a:ext cx="15025" cy="15025"/>
            </a:xfrm>
            <a:custGeom>
              <a:avLst/>
              <a:gdLst/>
              <a:ahLst/>
              <a:cxnLst/>
              <a:rect l="l" t="t" r="r" b="b"/>
              <a:pathLst>
                <a:path w="601" h="601" extrusionOk="0">
                  <a:moveTo>
                    <a:pt x="0" y="1"/>
                  </a:moveTo>
                  <a:lnTo>
                    <a:pt x="0" y="601"/>
                  </a:lnTo>
                  <a:lnTo>
                    <a:pt x="601" y="601"/>
                  </a:lnTo>
                  <a:lnTo>
                    <a:pt x="60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6" name="Google Shape;916;p34"/>
            <p:cNvSpPr/>
            <p:nvPr/>
          </p:nvSpPr>
          <p:spPr>
            <a:xfrm>
              <a:off x="6494275" y="4184800"/>
              <a:ext cx="15000" cy="15025"/>
            </a:xfrm>
            <a:custGeom>
              <a:avLst/>
              <a:gdLst/>
              <a:ahLst/>
              <a:cxnLst/>
              <a:rect l="l" t="t" r="r" b="b"/>
              <a:pathLst>
                <a:path w="600" h="601" extrusionOk="0">
                  <a:moveTo>
                    <a:pt x="0" y="1"/>
                  </a:moveTo>
                  <a:lnTo>
                    <a:pt x="0" y="601"/>
                  </a:lnTo>
                  <a:lnTo>
                    <a:pt x="600" y="601"/>
                  </a:lnTo>
                  <a:lnTo>
                    <a:pt x="600"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7" name="Google Shape;917;p34"/>
            <p:cNvSpPr/>
            <p:nvPr/>
          </p:nvSpPr>
          <p:spPr>
            <a:xfrm>
              <a:off x="6411525" y="4204475"/>
              <a:ext cx="15025" cy="15025"/>
            </a:xfrm>
            <a:custGeom>
              <a:avLst/>
              <a:gdLst/>
              <a:ahLst/>
              <a:cxnLst/>
              <a:rect l="l" t="t" r="r" b="b"/>
              <a:pathLst>
                <a:path w="601" h="601" extrusionOk="0">
                  <a:moveTo>
                    <a:pt x="1" y="1"/>
                  </a:moveTo>
                  <a:lnTo>
                    <a:pt x="1" y="600"/>
                  </a:lnTo>
                  <a:lnTo>
                    <a:pt x="600" y="600"/>
                  </a:lnTo>
                  <a:lnTo>
                    <a:pt x="600"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8" name="Google Shape;918;p34"/>
            <p:cNvSpPr/>
            <p:nvPr/>
          </p:nvSpPr>
          <p:spPr>
            <a:xfrm>
              <a:off x="6432200" y="4204475"/>
              <a:ext cx="15050" cy="15025"/>
            </a:xfrm>
            <a:custGeom>
              <a:avLst/>
              <a:gdLst/>
              <a:ahLst/>
              <a:cxnLst/>
              <a:rect l="l" t="t" r="r" b="b"/>
              <a:pathLst>
                <a:path w="602" h="601" extrusionOk="0">
                  <a:moveTo>
                    <a:pt x="0" y="1"/>
                  </a:moveTo>
                  <a:lnTo>
                    <a:pt x="0" y="600"/>
                  </a:lnTo>
                  <a:lnTo>
                    <a:pt x="601" y="600"/>
                  </a:lnTo>
                  <a:lnTo>
                    <a:pt x="60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9" name="Google Shape;919;p34"/>
            <p:cNvSpPr/>
            <p:nvPr/>
          </p:nvSpPr>
          <p:spPr>
            <a:xfrm>
              <a:off x="6452900" y="4204475"/>
              <a:ext cx="15000" cy="15025"/>
            </a:xfrm>
            <a:custGeom>
              <a:avLst/>
              <a:gdLst/>
              <a:ahLst/>
              <a:cxnLst/>
              <a:rect l="l" t="t" r="r" b="b"/>
              <a:pathLst>
                <a:path w="600" h="601" extrusionOk="0">
                  <a:moveTo>
                    <a:pt x="0" y="1"/>
                  </a:moveTo>
                  <a:lnTo>
                    <a:pt x="0" y="600"/>
                  </a:lnTo>
                  <a:lnTo>
                    <a:pt x="600" y="600"/>
                  </a:lnTo>
                  <a:lnTo>
                    <a:pt x="600"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0" name="Google Shape;920;p34"/>
            <p:cNvSpPr/>
            <p:nvPr/>
          </p:nvSpPr>
          <p:spPr>
            <a:xfrm>
              <a:off x="6473575" y="4204475"/>
              <a:ext cx="15025" cy="15025"/>
            </a:xfrm>
            <a:custGeom>
              <a:avLst/>
              <a:gdLst/>
              <a:ahLst/>
              <a:cxnLst/>
              <a:rect l="l" t="t" r="r" b="b"/>
              <a:pathLst>
                <a:path w="601" h="601" extrusionOk="0">
                  <a:moveTo>
                    <a:pt x="0" y="1"/>
                  </a:moveTo>
                  <a:lnTo>
                    <a:pt x="0" y="600"/>
                  </a:lnTo>
                  <a:lnTo>
                    <a:pt x="601" y="600"/>
                  </a:lnTo>
                  <a:lnTo>
                    <a:pt x="60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1" name="Google Shape;921;p34"/>
            <p:cNvSpPr/>
            <p:nvPr/>
          </p:nvSpPr>
          <p:spPr>
            <a:xfrm>
              <a:off x="6494275" y="4204475"/>
              <a:ext cx="15000" cy="15025"/>
            </a:xfrm>
            <a:custGeom>
              <a:avLst/>
              <a:gdLst/>
              <a:ahLst/>
              <a:cxnLst/>
              <a:rect l="l" t="t" r="r" b="b"/>
              <a:pathLst>
                <a:path w="600" h="601" extrusionOk="0">
                  <a:moveTo>
                    <a:pt x="0" y="1"/>
                  </a:moveTo>
                  <a:lnTo>
                    <a:pt x="0" y="600"/>
                  </a:lnTo>
                  <a:lnTo>
                    <a:pt x="600" y="600"/>
                  </a:lnTo>
                  <a:lnTo>
                    <a:pt x="600"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2" name="Google Shape;922;p34"/>
            <p:cNvSpPr/>
            <p:nvPr/>
          </p:nvSpPr>
          <p:spPr>
            <a:xfrm>
              <a:off x="6411525" y="4224150"/>
              <a:ext cx="15025" cy="15000"/>
            </a:xfrm>
            <a:custGeom>
              <a:avLst/>
              <a:gdLst/>
              <a:ahLst/>
              <a:cxnLst/>
              <a:rect l="l" t="t" r="r" b="b"/>
              <a:pathLst>
                <a:path w="601" h="600" extrusionOk="0">
                  <a:moveTo>
                    <a:pt x="1" y="0"/>
                  </a:moveTo>
                  <a:lnTo>
                    <a:pt x="1" y="600"/>
                  </a:lnTo>
                  <a:lnTo>
                    <a:pt x="600" y="600"/>
                  </a:lnTo>
                  <a:lnTo>
                    <a:pt x="60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3" name="Google Shape;923;p34"/>
            <p:cNvSpPr/>
            <p:nvPr/>
          </p:nvSpPr>
          <p:spPr>
            <a:xfrm>
              <a:off x="6432200" y="4224150"/>
              <a:ext cx="15050" cy="15000"/>
            </a:xfrm>
            <a:custGeom>
              <a:avLst/>
              <a:gdLst/>
              <a:ahLst/>
              <a:cxnLst/>
              <a:rect l="l" t="t" r="r" b="b"/>
              <a:pathLst>
                <a:path w="602" h="600" extrusionOk="0">
                  <a:moveTo>
                    <a:pt x="0" y="0"/>
                  </a:moveTo>
                  <a:lnTo>
                    <a:pt x="0" y="600"/>
                  </a:lnTo>
                  <a:lnTo>
                    <a:pt x="601" y="600"/>
                  </a:lnTo>
                  <a:lnTo>
                    <a:pt x="601"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4" name="Google Shape;924;p34"/>
            <p:cNvSpPr/>
            <p:nvPr/>
          </p:nvSpPr>
          <p:spPr>
            <a:xfrm>
              <a:off x="6452900" y="4224150"/>
              <a:ext cx="15000" cy="15000"/>
            </a:xfrm>
            <a:custGeom>
              <a:avLst/>
              <a:gdLst/>
              <a:ahLst/>
              <a:cxnLst/>
              <a:rect l="l" t="t" r="r" b="b"/>
              <a:pathLst>
                <a:path w="600" h="600" extrusionOk="0">
                  <a:moveTo>
                    <a:pt x="0" y="0"/>
                  </a:moveTo>
                  <a:lnTo>
                    <a:pt x="0" y="600"/>
                  </a:lnTo>
                  <a:lnTo>
                    <a:pt x="600" y="600"/>
                  </a:lnTo>
                  <a:lnTo>
                    <a:pt x="60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5" name="Google Shape;925;p34"/>
            <p:cNvSpPr/>
            <p:nvPr/>
          </p:nvSpPr>
          <p:spPr>
            <a:xfrm>
              <a:off x="6473575" y="4224150"/>
              <a:ext cx="15025" cy="15000"/>
            </a:xfrm>
            <a:custGeom>
              <a:avLst/>
              <a:gdLst/>
              <a:ahLst/>
              <a:cxnLst/>
              <a:rect l="l" t="t" r="r" b="b"/>
              <a:pathLst>
                <a:path w="601" h="600" extrusionOk="0">
                  <a:moveTo>
                    <a:pt x="0" y="0"/>
                  </a:moveTo>
                  <a:lnTo>
                    <a:pt x="0" y="600"/>
                  </a:lnTo>
                  <a:lnTo>
                    <a:pt x="601" y="600"/>
                  </a:lnTo>
                  <a:lnTo>
                    <a:pt x="601"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6" name="Google Shape;926;p34"/>
            <p:cNvSpPr/>
            <p:nvPr/>
          </p:nvSpPr>
          <p:spPr>
            <a:xfrm>
              <a:off x="6494275" y="4224150"/>
              <a:ext cx="15000" cy="15000"/>
            </a:xfrm>
            <a:custGeom>
              <a:avLst/>
              <a:gdLst/>
              <a:ahLst/>
              <a:cxnLst/>
              <a:rect l="l" t="t" r="r" b="b"/>
              <a:pathLst>
                <a:path w="600" h="600" extrusionOk="0">
                  <a:moveTo>
                    <a:pt x="0" y="0"/>
                  </a:moveTo>
                  <a:lnTo>
                    <a:pt x="0" y="600"/>
                  </a:lnTo>
                  <a:lnTo>
                    <a:pt x="600" y="600"/>
                  </a:lnTo>
                  <a:lnTo>
                    <a:pt x="60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7" name="Google Shape;927;p34"/>
            <p:cNvSpPr/>
            <p:nvPr/>
          </p:nvSpPr>
          <p:spPr>
            <a:xfrm>
              <a:off x="6411525" y="4243800"/>
              <a:ext cx="15025" cy="15025"/>
            </a:xfrm>
            <a:custGeom>
              <a:avLst/>
              <a:gdLst/>
              <a:ahLst/>
              <a:cxnLst/>
              <a:rect l="l" t="t" r="r" b="b"/>
              <a:pathLst>
                <a:path w="601" h="601" extrusionOk="0">
                  <a:moveTo>
                    <a:pt x="1" y="1"/>
                  </a:moveTo>
                  <a:lnTo>
                    <a:pt x="1" y="600"/>
                  </a:lnTo>
                  <a:lnTo>
                    <a:pt x="600" y="600"/>
                  </a:lnTo>
                  <a:lnTo>
                    <a:pt x="600"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8" name="Google Shape;928;p34"/>
            <p:cNvSpPr/>
            <p:nvPr/>
          </p:nvSpPr>
          <p:spPr>
            <a:xfrm>
              <a:off x="6432200" y="4243800"/>
              <a:ext cx="15050" cy="15025"/>
            </a:xfrm>
            <a:custGeom>
              <a:avLst/>
              <a:gdLst/>
              <a:ahLst/>
              <a:cxnLst/>
              <a:rect l="l" t="t" r="r" b="b"/>
              <a:pathLst>
                <a:path w="602" h="601" extrusionOk="0">
                  <a:moveTo>
                    <a:pt x="0" y="1"/>
                  </a:moveTo>
                  <a:lnTo>
                    <a:pt x="0" y="600"/>
                  </a:lnTo>
                  <a:lnTo>
                    <a:pt x="601" y="600"/>
                  </a:lnTo>
                  <a:lnTo>
                    <a:pt x="60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9" name="Google Shape;929;p34"/>
            <p:cNvSpPr/>
            <p:nvPr/>
          </p:nvSpPr>
          <p:spPr>
            <a:xfrm>
              <a:off x="6452900" y="4243800"/>
              <a:ext cx="15000" cy="15025"/>
            </a:xfrm>
            <a:custGeom>
              <a:avLst/>
              <a:gdLst/>
              <a:ahLst/>
              <a:cxnLst/>
              <a:rect l="l" t="t" r="r" b="b"/>
              <a:pathLst>
                <a:path w="600" h="601" extrusionOk="0">
                  <a:moveTo>
                    <a:pt x="0" y="1"/>
                  </a:moveTo>
                  <a:lnTo>
                    <a:pt x="0" y="600"/>
                  </a:lnTo>
                  <a:lnTo>
                    <a:pt x="600" y="600"/>
                  </a:lnTo>
                  <a:lnTo>
                    <a:pt x="600"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0" name="Google Shape;930;p34"/>
            <p:cNvSpPr/>
            <p:nvPr/>
          </p:nvSpPr>
          <p:spPr>
            <a:xfrm>
              <a:off x="6473575" y="4243800"/>
              <a:ext cx="15025" cy="15025"/>
            </a:xfrm>
            <a:custGeom>
              <a:avLst/>
              <a:gdLst/>
              <a:ahLst/>
              <a:cxnLst/>
              <a:rect l="l" t="t" r="r" b="b"/>
              <a:pathLst>
                <a:path w="601" h="601" extrusionOk="0">
                  <a:moveTo>
                    <a:pt x="0" y="1"/>
                  </a:moveTo>
                  <a:lnTo>
                    <a:pt x="0" y="600"/>
                  </a:lnTo>
                  <a:lnTo>
                    <a:pt x="601" y="600"/>
                  </a:lnTo>
                  <a:lnTo>
                    <a:pt x="60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1" name="Google Shape;931;p34"/>
            <p:cNvSpPr/>
            <p:nvPr/>
          </p:nvSpPr>
          <p:spPr>
            <a:xfrm>
              <a:off x="6494275" y="4243800"/>
              <a:ext cx="15000" cy="15025"/>
            </a:xfrm>
            <a:custGeom>
              <a:avLst/>
              <a:gdLst/>
              <a:ahLst/>
              <a:cxnLst/>
              <a:rect l="l" t="t" r="r" b="b"/>
              <a:pathLst>
                <a:path w="600" h="601" extrusionOk="0">
                  <a:moveTo>
                    <a:pt x="0" y="1"/>
                  </a:moveTo>
                  <a:lnTo>
                    <a:pt x="0" y="600"/>
                  </a:lnTo>
                  <a:lnTo>
                    <a:pt x="600" y="600"/>
                  </a:lnTo>
                  <a:lnTo>
                    <a:pt x="600"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2" name="Google Shape;932;p34"/>
            <p:cNvSpPr/>
            <p:nvPr/>
          </p:nvSpPr>
          <p:spPr>
            <a:xfrm>
              <a:off x="6303050" y="4153600"/>
              <a:ext cx="66325" cy="8850"/>
            </a:xfrm>
            <a:custGeom>
              <a:avLst/>
              <a:gdLst/>
              <a:ahLst/>
              <a:cxnLst/>
              <a:rect l="l" t="t" r="r" b="b"/>
              <a:pathLst>
                <a:path w="2653" h="354" extrusionOk="0">
                  <a:moveTo>
                    <a:pt x="0" y="0"/>
                  </a:moveTo>
                  <a:lnTo>
                    <a:pt x="0" y="354"/>
                  </a:lnTo>
                  <a:lnTo>
                    <a:pt x="2653" y="354"/>
                  </a:lnTo>
                  <a:lnTo>
                    <a:pt x="2653"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3" name="Google Shape;933;p34"/>
            <p:cNvSpPr/>
            <p:nvPr/>
          </p:nvSpPr>
          <p:spPr>
            <a:xfrm>
              <a:off x="6303050" y="4170750"/>
              <a:ext cx="66325" cy="8875"/>
            </a:xfrm>
            <a:custGeom>
              <a:avLst/>
              <a:gdLst/>
              <a:ahLst/>
              <a:cxnLst/>
              <a:rect l="l" t="t" r="r" b="b"/>
              <a:pathLst>
                <a:path w="2653" h="355" extrusionOk="0">
                  <a:moveTo>
                    <a:pt x="0" y="1"/>
                  </a:moveTo>
                  <a:lnTo>
                    <a:pt x="0" y="354"/>
                  </a:lnTo>
                  <a:lnTo>
                    <a:pt x="2653" y="354"/>
                  </a:lnTo>
                  <a:lnTo>
                    <a:pt x="265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4" name="Google Shape;934;p34"/>
            <p:cNvSpPr/>
            <p:nvPr/>
          </p:nvSpPr>
          <p:spPr>
            <a:xfrm>
              <a:off x="6303050" y="4187900"/>
              <a:ext cx="66325" cy="8850"/>
            </a:xfrm>
            <a:custGeom>
              <a:avLst/>
              <a:gdLst/>
              <a:ahLst/>
              <a:cxnLst/>
              <a:rect l="l" t="t" r="r" b="b"/>
              <a:pathLst>
                <a:path w="2653" h="354" extrusionOk="0">
                  <a:moveTo>
                    <a:pt x="0" y="0"/>
                  </a:moveTo>
                  <a:lnTo>
                    <a:pt x="0" y="354"/>
                  </a:lnTo>
                  <a:lnTo>
                    <a:pt x="2653" y="354"/>
                  </a:lnTo>
                  <a:lnTo>
                    <a:pt x="2653"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5" name="Google Shape;935;p34"/>
            <p:cNvSpPr/>
            <p:nvPr/>
          </p:nvSpPr>
          <p:spPr>
            <a:xfrm>
              <a:off x="6303050" y="4205025"/>
              <a:ext cx="66325" cy="8850"/>
            </a:xfrm>
            <a:custGeom>
              <a:avLst/>
              <a:gdLst/>
              <a:ahLst/>
              <a:cxnLst/>
              <a:rect l="l" t="t" r="r" b="b"/>
              <a:pathLst>
                <a:path w="2653" h="354" extrusionOk="0">
                  <a:moveTo>
                    <a:pt x="0" y="0"/>
                  </a:moveTo>
                  <a:lnTo>
                    <a:pt x="0" y="354"/>
                  </a:lnTo>
                  <a:lnTo>
                    <a:pt x="2653" y="354"/>
                  </a:lnTo>
                  <a:lnTo>
                    <a:pt x="2653"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6" name="Google Shape;936;p34"/>
            <p:cNvSpPr/>
            <p:nvPr/>
          </p:nvSpPr>
          <p:spPr>
            <a:xfrm>
              <a:off x="6303050" y="4222150"/>
              <a:ext cx="66325" cy="8875"/>
            </a:xfrm>
            <a:custGeom>
              <a:avLst/>
              <a:gdLst/>
              <a:ahLst/>
              <a:cxnLst/>
              <a:rect l="l" t="t" r="r" b="b"/>
              <a:pathLst>
                <a:path w="2653" h="355" extrusionOk="0">
                  <a:moveTo>
                    <a:pt x="0" y="1"/>
                  </a:moveTo>
                  <a:lnTo>
                    <a:pt x="0" y="354"/>
                  </a:lnTo>
                  <a:lnTo>
                    <a:pt x="2653" y="354"/>
                  </a:lnTo>
                  <a:lnTo>
                    <a:pt x="265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937" name="Google Shape;937;p34"/>
          <p:cNvGrpSpPr/>
          <p:nvPr/>
        </p:nvGrpSpPr>
        <p:grpSpPr>
          <a:xfrm>
            <a:off x="304800" y="539178"/>
            <a:ext cx="3148432" cy="4478592"/>
            <a:chOff x="4588400" y="752503"/>
            <a:chExt cx="1247200" cy="1774051"/>
          </a:xfrm>
        </p:grpSpPr>
        <p:sp>
          <p:nvSpPr>
            <p:cNvPr id="938" name="Google Shape;938;p34"/>
            <p:cNvSpPr/>
            <p:nvPr/>
          </p:nvSpPr>
          <p:spPr>
            <a:xfrm>
              <a:off x="4678825" y="752525"/>
              <a:ext cx="1156775" cy="445275"/>
            </a:xfrm>
            <a:custGeom>
              <a:avLst/>
              <a:gdLst/>
              <a:ahLst/>
              <a:cxnLst/>
              <a:rect l="l" t="t" r="r" b="b"/>
              <a:pathLst>
                <a:path w="46271" h="17811" extrusionOk="0">
                  <a:moveTo>
                    <a:pt x="37707" y="6102"/>
                  </a:moveTo>
                  <a:lnTo>
                    <a:pt x="37707" y="7184"/>
                  </a:lnTo>
                  <a:lnTo>
                    <a:pt x="37419" y="7184"/>
                  </a:lnTo>
                  <a:lnTo>
                    <a:pt x="37419" y="6463"/>
                  </a:lnTo>
                  <a:lnTo>
                    <a:pt x="37140" y="6463"/>
                  </a:lnTo>
                  <a:lnTo>
                    <a:pt x="37140" y="7019"/>
                  </a:lnTo>
                  <a:lnTo>
                    <a:pt x="36673" y="7019"/>
                  </a:lnTo>
                  <a:cubicBezTo>
                    <a:pt x="36669" y="6993"/>
                    <a:pt x="36653" y="6970"/>
                    <a:pt x="36626" y="6964"/>
                  </a:cubicBezTo>
                  <a:lnTo>
                    <a:pt x="36606" y="6962"/>
                  </a:lnTo>
                  <a:lnTo>
                    <a:pt x="36606" y="6962"/>
                  </a:lnTo>
                  <a:cubicBezTo>
                    <a:pt x="36609" y="6962"/>
                    <a:pt x="36612" y="6962"/>
                    <a:pt x="36614" y="6962"/>
                  </a:cubicBezTo>
                  <a:cubicBezTo>
                    <a:pt x="36644" y="6962"/>
                    <a:pt x="36670" y="6941"/>
                    <a:pt x="36677" y="6911"/>
                  </a:cubicBezTo>
                  <a:cubicBezTo>
                    <a:pt x="36683" y="6877"/>
                    <a:pt x="36660" y="6843"/>
                    <a:pt x="36626" y="6837"/>
                  </a:cubicBezTo>
                  <a:lnTo>
                    <a:pt x="36605" y="6833"/>
                  </a:lnTo>
                  <a:lnTo>
                    <a:pt x="36605" y="6833"/>
                  </a:lnTo>
                  <a:cubicBezTo>
                    <a:pt x="36608" y="6834"/>
                    <a:pt x="36611" y="6834"/>
                    <a:pt x="36615" y="6834"/>
                  </a:cubicBezTo>
                  <a:cubicBezTo>
                    <a:pt x="36645" y="6834"/>
                    <a:pt x="36671" y="6813"/>
                    <a:pt x="36677" y="6782"/>
                  </a:cubicBezTo>
                  <a:cubicBezTo>
                    <a:pt x="36679" y="6771"/>
                    <a:pt x="36674" y="6761"/>
                    <a:pt x="36670" y="6750"/>
                  </a:cubicBezTo>
                  <a:cubicBezTo>
                    <a:pt x="36678" y="6740"/>
                    <a:pt x="36685" y="6729"/>
                    <a:pt x="36686" y="6715"/>
                  </a:cubicBezTo>
                  <a:cubicBezTo>
                    <a:pt x="36680" y="6682"/>
                    <a:pt x="36680" y="6682"/>
                    <a:pt x="36627" y="6641"/>
                  </a:cubicBezTo>
                  <a:lnTo>
                    <a:pt x="36610" y="6631"/>
                  </a:lnTo>
                  <a:cubicBezTo>
                    <a:pt x="36552" y="6597"/>
                    <a:pt x="36486" y="6584"/>
                    <a:pt x="36420" y="6581"/>
                  </a:cubicBezTo>
                  <a:cubicBezTo>
                    <a:pt x="36413" y="6580"/>
                    <a:pt x="36406" y="6580"/>
                    <a:pt x="36400" y="6580"/>
                  </a:cubicBezTo>
                  <a:cubicBezTo>
                    <a:pt x="36381" y="6579"/>
                    <a:pt x="36363" y="6578"/>
                    <a:pt x="36346" y="6578"/>
                  </a:cubicBezTo>
                  <a:cubicBezTo>
                    <a:pt x="36294" y="6578"/>
                    <a:pt x="36247" y="6584"/>
                    <a:pt x="36198" y="6609"/>
                  </a:cubicBezTo>
                  <a:lnTo>
                    <a:pt x="36183" y="6615"/>
                  </a:lnTo>
                  <a:cubicBezTo>
                    <a:pt x="36172" y="6622"/>
                    <a:pt x="36161" y="6631"/>
                    <a:pt x="36152" y="6639"/>
                  </a:cubicBezTo>
                  <a:cubicBezTo>
                    <a:pt x="36150" y="6640"/>
                    <a:pt x="36149" y="6641"/>
                    <a:pt x="36147" y="6642"/>
                  </a:cubicBezTo>
                  <a:cubicBezTo>
                    <a:pt x="36143" y="6646"/>
                    <a:pt x="36140" y="6652"/>
                    <a:pt x="36137" y="6656"/>
                  </a:cubicBezTo>
                  <a:cubicBezTo>
                    <a:pt x="36132" y="6664"/>
                    <a:pt x="36124" y="6670"/>
                    <a:pt x="36122" y="6679"/>
                  </a:cubicBezTo>
                  <a:cubicBezTo>
                    <a:pt x="36122" y="6682"/>
                    <a:pt x="36124" y="6684"/>
                    <a:pt x="36124" y="6686"/>
                  </a:cubicBezTo>
                  <a:cubicBezTo>
                    <a:pt x="36124" y="6687"/>
                    <a:pt x="36123" y="6687"/>
                    <a:pt x="36123" y="6688"/>
                  </a:cubicBezTo>
                  <a:cubicBezTo>
                    <a:pt x="36123" y="6690"/>
                    <a:pt x="36126" y="6693"/>
                    <a:pt x="36126" y="6696"/>
                  </a:cubicBezTo>
                  <a:cubicBezTo>
                    <a:pt x="36127" y="6709"/>
                    <a:pt x="36130" y="6720"/>
                    <a:pt x="36138" y="6731"/>
                  </a:cubicBezTo>
                  <a:cubicBezTo>
                    <a:pt x="36142" y="6735"/>
                    <a:pt x="36147" y="6736"/>
                    <a:pt x="36151" y="6739"/>
                  </a:cubicBezTo>
                  <a:cubicBezTo>
                    <a:pt x="36158" y="6744"/>
                    <a:pt x="36163" y="6751"/>
                    <a:pt x="36173" y="6754"/>
                  </a:cubicBezTo>
                  <a:lnTo>
                    <a:pt x="36194" y="6758"/>
                  </a:lnTo>
                  <a:cubicBezTo>
                    <a:pt x="36190" y="6757"/>
                    <a:pt x="36187" y="6757"/>
                    <a:pt x="36183" y="6757"/>
                  </a:cubicBezTo>
                  <a:cubicBezTo>
                    <a:pt x="36154" y="6757"/>
                    <a:pt x="36128" y="6777"/>
                    <a:pt x="36122" y="6807"/>
                  </a:cubicBezTo>
                  <a:cubicBezTo>
                    <a:pt x="36116" y="6841"/>
                    <a:pt x="36138" y="6874"/>
                    <a:pt x="36173" y="6881"/>
                  </a:cubicBezTo>
                  <a:lnTo>
                    <a:pt x="36194" y="6885"/>
                  </a:lnTo>
                  <a:cubicBezTo>
                    <a:pt x="36191" y="6884"/>
                    <a:pt x="36188" y="6884"/>
                    <a:pt x="36184" y="6884"/>
                  </a:cubicBezTo>
                  <a:cubicBezTo>
                    <a:pt x="36155" y="6884"/>
                    <a:pt x="36128" y="6905"/>
                    <a:pt x="36122" y="6935"/>
                  </a:cubicBezTo>
                  <a:cubicBezTo>
                    <a:pt x="36116" y="6970"/>
                    <a:pt x="36138" y="7003"/>
                    <a:pt x="36173" y="7009"/>
                  </a:cubicBezTo>
                  <a:lnTo>
                    <a:pt x="36194" y="7013"/>
                  </a:lnTo>
                  <a:lnTo>
                    <a:pt x="36194" y="7013"/>
                  </a:lnTo>
                  <a:cubicBezTo>
                    <a:pt x="36192" y="7013"/>
                    <a:pt x="36191" y="7012"/>
                    <a:pt x="36189" y="7012"/>
                  </a:cubicBezTo>
                  <a:cubicBezTo>
                    <a:pt x="36181" y="7012"/>
                    <a:pt x="36174" y="7016"/>
                    <a:pt x="36166" y="7018"/>
                  </a:cubicBezTo>
                  <a:lnTo>
                    <a:pt x="36010" y="7018"/>
                  </a:lnTo>
                  <a:cubicBezTo>
                    <a:pt x="36006" y="6992"/>
                    <a:pt x="35991" y="6970"/>
                    <a:pt x="35964" y="6964"/>
                  </a:cubicBezTo>
                  <a:lnTo>
                    <a:pt x="35942" y="6960"/>
                  </a:lnTo>
                  <a:lnTo>
                    <a:pt x="35942" y="6960"/>
                  </a:lnTo>
                  <a:cubicBezTo>
                    <a:pt x="35946" y="6961"/>
                    <a:pt x="35950" y="6961"/>
                    <a:pt x="35954" y="6961"/>
                  </a:cubicBezTo>
                  <a:cubicBezTo>
                    <a:pt x="35983" y="6961"/>
                    <a:pt x="36009" y="6941"/>
                    <a:pt x="36014" y="6911"/>
                  </a:cubicBezTo>
                  <a:cubicBezTo>
                    <a:pt x="36021" y="6877"/>
                    <a:pt x="35998" y="6843"/>
                    <a:pt x="35964" y="6837"/>
                  </a:cubicBezTo>
                  <a:lnTo>
                    <a:pt x="35942" y="6833"/>
                  </a:lnTo>
                  <a:lnTo>
                    <a:pt x="35942" y="6833"/>
                  </a:lnTo>
                  <a:cubicBezTo>
                    <a:pt x="35945" y="6834"/>
                    <a:pt x="35949" y="6834"/>
                    <a:pt x="35952" y="6834"/>
                  </a:cubicBezTo>
                  <a:cubicBezTo>
                    <a:pt x="35982" y="6834"/>
                    <a:pt x="36009" y="6813"/>
                    <a:pt x="36014" y="6782"/>
                  </a:cubicBezTo>
                  <a:cubicBezTo>
                    <a:pt x="36016" y="6771"/>
                    <a:pt x="36011" y="6761"/>
                    <a:pt x="36007" y="6749"/>
                  </a:cubicBezTo>
                  <a:cubicBezTo>
                    <a:pt x="36015" y="6740"/>
                    <a:pt x="36024" y="6729"/>
                    <a:pt x="36024" y="6714"/>
                  </a:cubicBezTo>
                  <a:cubicBezTo>
                    <a:pt x="36017" y="6682"/>
                    <a:pt x="36017" y="6682"/>
                    <a:pt x="35966" y="6641"/>
                  </a:cubicBezTo>
                  <a:lnTo>
                    <a:pt x="35948" y="6629"/>
                  </a:lnTo>
                  <a:cubicBezTo>
                    <a:pt x="35890" y="6596"/>
                    <a:pt x="35824" y="6584"/>
                    <a:pt x="35757" y="6581"/>
                  </a:cubicBezTo>
                  <a:cubicBezTo>
                    <a:pt x="35751" y="6580"/>
                    <a:pt x="35745" y="6580"/>
                    <a:pt x="35738" y="6580"/>
                  </a:cubicBezTo>
                  <a:cubicBezTo>
                    <a:pt x="35719" y="6579"/>
                    <a:pt x="35700" y="6578"/>
                    <a:pt x="35681" y="6578"/>
                  </a:cubicBezTo>
                  <a:cubicBezTo>
                    <a:pt x="35631" y="6578"/>
                    <a:pt x="35584" y="6584"/>
                    <a:pt x="35537" y="6609"/>
                  </a:cubicBezTo>
                  <a:lnTo>
                    <a:pt x="35521" y="6615"/>
                  </a:lnTo>
                  <a:cubicBezTo>
                    <a:pt x="35509" y="6622"/>
                    <a:pt x="35500" y="6631"/>
                    <a:pt x="35489" y="6639"/>
                  </a:cubicBezTo>
                  <a:cubicBezTo>
                    <a:pt x="35488" y="6640"/>
                    <a:pt x="35486" y="6641"/>
                    <a:pt x="35485" y="6642"/>
                  </a:cubicBezTo>
                  <a:cubicBezTo>
                    <a:pt x="35480" y="6646"/>
                    <a:pt x="35479" y="6652"/>
                    <a:pt x="35475" y="6656"/>
                  </a:cubicBezTo>
                  <a:cubicBezTo>
                    <a:pt x="35470" y="6664"/>
                    <a:pt x="35462" y="6670"/>
                    <a:pt x="35460" y="6679"/>
                  </a:cubicBezTo>
                  <a:cubicBezTo>
                    <a:pt x="35459" y="6682"/>
                    <a:pt x="35461" y="6683"/>
                    <a:pt x="35461" y="6686"/>
                  </a:cubicBezTo>
                  <a:cubicBezTo>
                    <a:pt x="35461" y="6686"/>
                    <a:pt x="35461" y="6687"/>
                    <a:pt x="35461" y="6687"/>
                  </a:cubicBezTo>
                  <a:cubicBezTo>
                    <a:pt x="35460" y="6690"/>
                    <a:pt x="35463" y="6693"/>
                    <a:pt x="35463" y="6696"/>
                  </a:cubicBezTo>
                  <a:cubicBezTo>
                    <a:pt x="35464" y="6709"/>
                    <a:pt x="35468" y="6720"/>
                    <a:pt x="35476" y="6731"/>
                  </a:cubicBezTo>
                  <a:cubicBezTo>
                    <a:pt x="35480" y="6735"/>
                    <a:pt x="35484" y="6736"/>
                    <a:pt x="35488" y="6738"/>
                  </a:cubicBezTo>
                  <a:cubicBezTo>
                    <a:pt x="35495" y="6744"/>
                    <a:pt x="35502" y="6751"/>
                    <a:pt x="35511" y="6754"/>
                  </a:cubicBezTo>
                  <a:lnTo>
                    <a:pt x="35532" y="6756"/>
                  </a:lnTo>
                  <a:lnTo>
                    <a:pt x="35532" y="6756"/>
                  </a:lnTo>
                  <a:cubicBezTo>
                    <a:pt x="35529" y="6756"/>
                    <a:pt x="35526" y="6756"/>
                    <a:pt x="35523" y="6756"/>
                  </a:cubicBezTo>
                  <a:cubicBezTo>
                    <a:pt x="35493" y="6756"/>
                    <a:pt x="35466" y="6777"/>
                    <a:pt x="35460" y="6807"/>
                  </a:cubicBezTo>
                  <a:cubicBezTo>
                    <a:pt x="35454" y="6841"/>
                    <a:pt x="35477" y="6874"/>
                    <a:pt x="35511" y="6881"/>
                  </a:cubicBezTo>
                  <a:lnTo>
                    <a:pt x="35533" y="6885"/>
                  </a:lnTo>
                  <a:cubicBezTo>
                    <a:pt x="35529" y="6884"/>
                    <a:pt x="35526" y="6884"/>
                    <a:pt x="35523" y="6884"/>
                  </a:cubicBezTo>
                  <a:cubicBezTo>
                    <a:pt x="35493" y="6884"/>
                    <a:pt x="35466" y="6905"/>
                    <a:pt x="35460" y="6935"/>
                  </a:cubicBezTo>
                  <a:cubicBezTo>
                    <a:pt x="35454" y="6970"/>
                    <a:pt x="35477" y="7002"/>
                    <a:pt x="35511" y="7009"/>
                  </a:cubicBezTo>
                  <a:lnTo>
                    <a:pt x="35532" y="7013"/>
                  </a:lnTo>
                  <a:lnTo>
                    <a:pt x="35532" y="7013"/>
                  </a:lnTo>
                  <a:cubicBezTo>
                    <a:pt x="35530" y="7013"/>
                    <a:pt x="35529" y="7012"/>
                    <a:pt x="35527" y="7012"/>
                  </a:cubicBezTo>
                  <a:cubicBezTo>
                    <a:pt x="35519" y="7012"/>
                    <a:pt x="35512" y="7016"/>
                    <a:pt x="35505" y="7018"/>
                  </a:cubicBezTo>
                  <a:lnTo>
                    <a:pt x="35349" y="7018"/>
                  </a:lnTo>
                  <a:cubicBezTo>
                    <a:pt x="35345" y="6992"/>
                    <a:pt x="35329" y="6970"/>
                    <a:pt x="35302" y="6964"/>
                  </a:cubicBezTo>
                  <a:lnTo>
                    <a:pt x="35280" y="6960"/>
                  </a:lnTo>
                  <a:lnTo>
                    <a:pt x="35280" y="6960"/>
                  </a:lnTo>
                  <a:cubicBezTo>
                    <a:pt x="35284" y="6961"/>
                    <a:pt x="35288" y="6961"/>
                    <a:pt x="35292" y="6961"/>
                  </a:cubicBezTo>
                  <a:cubicBezTo>
                    <a:pt x="35321" y="6961"/>
                    <a:pt x="35347" y="6940"/>
                    <a:pt x="35353" y="6911"/>
                  </a:cubicBezTo>
                  <a:cubicBezTo>
                    <a:pt x="35359" y="6877"/>
                    <a:pt x="35336" y="6843"/>
                    <a:pt x="35302" y="6837"/>
                  </a:cubicBezTo>
                  <a:lnTo>
                    <a:pt x="35280" y="6833"/>
                  </a:lnTo>
                  <a:lnTo>
                    <a:pt x="35280" y="6833"/>
                  </a:lnTo>
                  <a:cubicBezTo>
                    <a:pt x="35284" y="6834"/>
                    <a:pt x="35287" y="6834"/>
                    <a:pt x="35290" y="6834"/>
                  </a:cubicBezTo>
                  <a:cubicBezTo>
                    <a:pt x="35320" y="6834"/>
                    <a:pt x="35347" y="6813"/>
                    <a:pt x="35353" y="6782"/>
                  </a:cubicBezTo>
                  <a:cubicBezTo>
                    <a:pt x="35355" y="6771"/>
                    <a:pt x="35350" y="6761"/>
                    <a:pt x="35346" y="6749"/>
                  </a:cubicBezTo>
                  <a:cubicBezTo>
                    <a:pt x="35354" y="6739"/>
                    <a:pt x="35361" y="6729"/>
                    <a:pt x="35362" y="6714"/>
                  </a:cubicBezTo>
                  <a:cubicBezTo>
                    <a:pt x="35356" y="6682"/>
                    <a:pt x="35356" y="6682"/>
                    <a:pt x="35303" y="6641"/>
                  </a:cubicBezTo>
                  <a:lnTo>
                    <a:pt x="35286" y="6629"/>
                  </a:lnTo>
                  <a:cubicBezTo>
                    <a:pt x="35228" y="6596"/>
                    <a:pt x="35162" y="6584"/>
                    <a:pt x="35095" y="6580"/>
                  </a:cubicBezTo>
                  <a:lnTo>
                    <a:pt x="35076" y="6580"/>
                  </a:lnTo>
                  <a:cubicBezTo>
                    <a:pt x="35056" y="6579"/>
                    <a:pt x="35036" y="6578"/>
                    <a:pt x="35017" y="6578"/>
                  </a:cubicBezTo>
                  <a:cubicBezTo>
                    <a:pt x="34968" y="6578"/>
                    <a:pt x="34922" y="6584"/>
                    <a:pt x="34874" y="6609"/>
                  </a:cubicBezTo>
                  <a:lnTo>
                    <a:pt x="34859" y="6615"/>
                  </a:lnTo>
                  <a:cubicBezTo>
                    <a:pt x="34847" y="6622"/>
                    <a:pt x="34837" y="6629"/>
                    <a:pt x="34828" y="6638"/>
                  </a:cubicBezTo>
                  <a:cubicBezTo>
                    <a:pt x="34826" y="6640"/>
                    <a:pt x="34825" y="6641"/>
                    <a:pt x="34823" y="6642"/>
                  </a:cubicBezTo>
                  <a:cubicBezTo>
                    <a:pt x="34818" y="6646"/>
                    <a:pt x="34816" y="6652"/>
                    <a:pt x="34813" y="6656"/>
                  </a:cubicBezTo>
                  <a:cubicBezTo>
                    <a:pt x="34808" y="6664"/>
                    <a:pt x="34800" y="6670"/>
                    <a:pt x="34799" y="6679"/>
                  </a:cubicBezTo>
                  <a:cubicBezTo>
                    <a:pt x="34798" y="6682"/>
                    <a:pt x="34800" y="6683"/>
                    <a:pt x="34800" y="6686"/>
                  </a:cubicBezTo>
                  <a:cubicBezTo>
                    <a:pt x="34800" y="6686"/>
                    <a:pt x="34799" y="6687"/>
                    <a:pt x="34799" y="6687"/>
                  </a:cubicBezTo>
                  <a:cubicBezTo>
                    <a:pt x="34799" y="6690"/>
                    <a:pt x="34802" y="6693"/>
                    <a:pt x="34802" y="6696"/>
                  </a:cubicBezTo>
                  <a:cubicBezTo>
                    <a:pt x="34803" y="6709"/>
                    <a:pt x="34806" y="6720"/>
                    <a:pt x="34814" y="6731"/>
                  </a:cubicBezTo>
                  <a:cubicBezTo>
                    <a:pt x="34817" y="6735"/>
                    <a:pt x="34823" y="6735"/>
                    <a:pt x="34827" y="6738"/>
                  </a:cubicBezTo>
                  <a:cubicBezTo>
                    <a:pt x="34834" y="6743"/>
                    <a:pt x="34839" y="6751"/>
                    <a:pt x="34849" y="6752"/>
                  </a:cubicBezTo>
                  <a:lnTo>
                    <a:pt x="34870" y="6757"/>
                  </a:lnTo>
                  <a:cubicBezTo>
                    <a:pt x="34867" y="6756"/>
                    <a:pt x="34864" y="6756"/>
                    <a:pt x="34860" y="6756"/>
                  </a:cubicBezTo>
                  <a:cubicBezTo>
                    <a:pt x="34831" y="6756"/>
                    <a:pt x="34804" y="6777"/>
                    <a:pt x="34799" y="6807"/>
                  </a:cubicBezTo>
                  <a:cubicBezTo>
                    <a:pt x="34793" y="6841"/>
                    <a:pt x="34814" y="6874"/>
                    <a:pt x="34849" y="6881"/>
                  </a:cubicBezTo>
                  <a:lnTo>
                    <a:pt x="34871" y="6885"/>
                  </a:lnTo>
                  <a:cubicBezTo>
                    <a:pt x="34868" y="6884"/>
                    <a:pt x="34864" y="6884"/>
                    <a:pt x="34861" y="6884"/>
                  </a:cubicBezTo>
                  <a:cubicBezTo>
                    <a:pt x="34831" y="6884"/>
                    <a:pt x="34804" y="6905"/>
                    <a:pt x="34799" y="6934"/>
                  </a:cubicBezTo>
                  <a:cubicBezTo>
                    <a:pt x="34793" y="6969"/>
                    <a:pt x="34814" y="7002"/>
                    <a:pt x="34849" y="7009"/>
                  </a:cubicBezTo>
                  <a:lnTo>
                    <a:pt x="34871" y="7012"/>
                  </a:lnTo>
                  <a:cubicBezTo>
                    <a:pt x="34870" y="7012"/>
                    <a:pt x="34869" y="7012"/>
                    <a:pt x="34868" y="7012"/>
                  </a:cubicBezTo>
                  <a:cubicBezTo>
                    <a:pt x="34859" y="7012"/>
                    <a:pt x="34851" y="7015"/>
                    <a:pt x="34842" y="7018"/>
                  </a:cubicBezTo>
                  <a:lnTo>
                    <a:pt x="34687" y="7018"/>
                  </a:lnTo>
                  <a:cubicBezTo>
                    <a:pt x="34683" y="6992"/>
                    <a:pt x="34668" y="6970"/>
                    <a:pt x="34641" y="6964"/>
                  </a:cubicBezTo>
                  <a:lnTo>
                    <a:pt x="34619" y="6960"/>
                  </a:lnTo>
                  <a:lnTo>
                    <a:pt x="34619" y="6960"/>
                  </a:lnTo>
                  <a:cubicBezTo>
                    <a:pt x="34622" y="6961"/>
                    <a:pt x="34625" y="6961"/>
                    <a:pt x="34629" y="6961"/>
                  </a:cubicBezTo>
                  <a:cubicBezTo>
                    <a:pt x="34658" y="6961"/>
                    <a:pt x="34685" y="6940"/>
                    <a:pt x="34690" y="6911"/>
                  </a:cubicBezTo>
                  <a:cubicBezTo>
                    <a:pt x="34697" y="6877"/>
                    <a:pt x="34675" y="6843"/>
                    <a:pt x="34641" y="6836"/>
                  </a:cubicBezTo>
                  <a:lnTo>
                    <a:pt x="34621" y="6833"/>
                  </a:lnTo>
                  <a:lnTo>
                    <a:pt x="34621" y="6833"/>
                  </a:lnTo>
                  <a:cubicBezTo>
                    <a:pt x="34623" y="6834"/>
                    <a:pt x="34626" y="6834"/>
                    <a:pt x="34629" y="6834"/>
                  </a:cubicBezTo>
                  <a:cubicBezTo>
                    <a:pt x="34658" y="6834"/>
                    <a:pt x="34685" y="6813"/>
                    <a:pt x="34690" y="6782"/>
                  </a:cubicBezTo>
                  <a:cubicBezTo>
                    <a:pt x="34692" y="6770"/>
                    <a:pt x="34688" y="6760"/>
                    <a:pt x="34684" y="6749"/>
                  </a:cubicBezTo>
                  <a:cubicBezTo>
                    <a:pt x="34691" y="6739"/>
                    <a:pt x="34700" y="6729"/>
                    <a:pt x="34701" y="6714"/>
                  </a:cubicBezTo>
                  <a:cubicBezTo>
                    <a:pt x="34694" y="6682"/>
                    <a:pt x="34694" y="6682"/>
                    <a:pt x="34642" y="6641"/>
                  </a:cubicBezTo>
                  <a:lnTo>
                    <a:pt x="34624" y="6629"/>
                  </a:lnTo>
                  <a:cubicBezTo>
                    <a:pt x="34566" y="6596"/>
                    <a:pt x="34500" y="6584"/>
                    <a:pt x="34434" y="6580"/>
                  </a:cubicBezTo>
                  <a:cubicBezTo>
                    <a:pt x="34427" y="6580"/>
                    <a:pt x="34420" y="6580"/>
                    <a:pt x="34414" y="6579"/>
                  </a:cubicBezTo>
                  <a:cubicBezTo>
                    <a:pt x="34396" y="6578"/>
                    <a:pt x="34378" y="6577"/>
                    <a:pt x="34360" y="6577"/>
                  </a:cubicBezTo>
                  <a:cubicBezTo>
                    <a:pt x="34309" y="6577"/>
                    <a:pt x="34261" y="6583"/>
                    <a:pt x="34213" y="6608"/>
                  </a:cubicBezTo>
                  <a:lnTo>
                    <a:pt x="34197" y="6615"/>
                  </a:lnTo>
                  <a:cubicBezTo>
                    <a:pt x="34186" y="6622"/>
                    <a:pt x="34175" y="6629"/>
                    <a:pt x="34166" y="6638"/>
                  </a:cubicBezTo>
                  <a:cubicBezTo>
                    <a:pt x="34164" y="6639"/>
                    <a:pt x="34163" y="6641"/>
                    <a:pt x="34161" y="6642"/>
                  </a:cubicBezTo>
                  <a:cubicBezTo>
                    <a:pt x="34157" y="6646"/>
                    <a:pt x="34155" y="6651"/>
                    <a:pt x="34152" y="6656"/>
                  </a:cubicBezTo>
                  <a:cubicBezTo>
                    <a:pt x="34145" y="6664"/>
                    <a:pt x="34138" y="6670"/>
                    <a:pt x="34136" y="6679"/>
                  </a:cubicBezTo>
                  <a:cubicBezTo>
                    <a:pt x="34136" y="6682"/>
                    <a:pt x="34138" y="6683"/>
                    <a:pt x="34138" y="6686"/>
                  </a:cubicBezTo>
                  <a:cubicBezTo>
                    <a:pt x="34138" y="6686"/>
                    <a:pt x="34137" y="6687"/>
                    <a:pt x="34137" y="6687"/>
                  </a:cubicBezTo>
                  <a:cubicBezTo>
                    <a:pt x="34137" y="6690"/>
                    <a:pt x="34139" y="6693"/>
                    <a:pt x="34140" y="6696"/>
                  </a:cubicBezTo>
                  <a:cubicBezTo>
                    <a:pt x="34141" y="6709"/>
                    <a:pt x="34143" y="6720"/>
                    <a:pt x="34153" y="6731"/>
                  </a:cubicBezTo>
                  <a:cubicBezTo>
                    <a:pt x="34156" y="6734"/>
                    <a:pt x="34161" y="6735"/>
                    <a:pt x="34164" y="6738"/>
                  </a:cubicBezTo>
                  <a:cubicBezTo>
                    <a:pt x="34172" y="6743"/>
                    <a:pt x="34178" y="6751"/>
                    <a:pt x="34187" y="6752"/>
                  </a:cubicBezTo>
                  <a:lnTo>
                    <a:pt x="34209" y="6757"/>
                  </a:lnTo>
                  <a:cubicBezTo>
                    <a:pt x="34205" y="6756"/>
                    <a:pt x="34202" y="6756"/>
                    <a:pt x="34199" y="6756"/>
                  </a:cubicBezTo>
                  <a:cubicBezTo>
                    <a:pt x="34168" y="6756"/>
                    <a:pt x="34142" y="6777"/>
                    <a:pt x="34136" y="6807"/>
                  </a:cubicBezTo>
                  <a:cubicBezTo>
                    <a:pt x="34130" y="6841"/>
                    <a:pt x="34153" y="6874"/>
                    <a:pt x="34187" y="6881"/>
                  </a:cubicBezTo>
                  <a:lnTo>
                    <a:pt x="34209" y="6885"/>
                  </a:lnTo>
                  <a:cubicBezTo>
                    <a:pt x="34205" y="6884"/>
                    <a:pt x="34202" y="6884"/>
                    <a:pt x="34199" y="6884"/>
                  </a:cubicBezTo>
                  <a:cubicBezTo>
                    <a:pt x="34169" y="6884"/>
                    <a:pt x="34142" y="6905"/>
                    <a:pt x="34136" y="6934"/>
                  </a:cubicBezTo>
                  <a:cubicBezTo>
                    <a:pt x="34130" y="6969"/>
                    <a:pt x="34153" y="7002"/>
                    <a:pt x="34187" y="7009"/>
                  </a:cubicBezTo>
                  <a:lnTo>
                    <a:pt x="34209" y="7012"/>
                  </a:lnTo>
                  <a:cubicBezTo>
                    <a:pt x="34208" y="7012"/>
                    <a:pt x="34207" y="7012"/>
                    <a:pt x="34206" y="7012"/>
                  </a:cubicBezTo>
                  <a:cubicBezTo>
                    <a:pt x="34197" y="7012"/>
                    <a:pt x="34189" y="7015"/>
                    <a:pt x="34181" y="7018"/>
                  </a:cubicBezTo>
                  <a:lnTo>
                    <a:pt x="34025" y="7018"/>
                  </a:lnTo>
                  <a:cubicBezTo>
                    <a:pt x="34020" y="6992"/>
                    <a:pt x="34006" y="6970"/>
                    <a:pt x="33978" y="6964"/>
                  </a:cubicBezTo>
                  <a:lnTo>
                    <a:pt x="33956" y="6960"/>
                  </a:lnTo>
                  <a:lnTo>
                    <a:pt x="33956" y="6960"/>
                  </a:lnTo>
                  <a:cubicBezTo>
                    <a:pt x="33960" y="6961"/>
                    <a:pt x="33963" y="6961"/>
                    <a:pt x="33966" y="6961"/>
                  </a:cubicBezTo>
                  <a:cubicBezTo>
                    <a:pt x="33997" y="6961"/>
                    <a:pt x="34023" y="6940"/>
                    <a:pt x="34029" y="6911"/>
                  </a:cubicBezTo>
                  <a:cubicBezTo>
                    <a:pt x="34035" y="6877"/>
                    <a:pt x="34012" y="6843"/>
                    <a:pt x="33978" y="6836"/>
                  </a:cubicBezTo>
                  <a:lnTo>
                    <a:pt x="33957" y="6833"/>
                  </a:lnTo>
                  <a:lnTo>
                    <a:pt x="33957" y="6833"/>
                  </a:lnTo>
                  <a:cubicBezTo>
                    <a:pt x="33960" y="6834"/>
                    <a:pt x="33963" y="6834"/>
                    <a:pt x="33966" y="6834"/>
                  </a:cubicBezTo>
                  <a:cubicBezTo>
                    <a:pt x="33997" y="6834"/>
                    <a:pt x="34023" y="6813"/>
                    <a:pt x="34029" y="6782"/>
                  </a:cubicBezTo>
                  <a:cubicBezTo>
                    <a:pt x="34031" y="6770"/>
                    <a:pt x="34026" y="6760"/>
                    <a:pt x="34021" y="6749"/>
                  </a:cubicBezTo>
                  <a:cubicBezTo>
                    <a:pt x="34030" y="6739"/>
                    <a:pt x="34038" y="6729"/>
                    <a:pt x="34038" y="6714"/>
                  </a:cubicBezTo>
                  <a:cubicBezTo>
                    <a:pt x="34032" y="6682"/>
                    <a:pt x="34032" y="6682"/>
                    <a:pt x="33980" y="6641"/>
                  </a:cubicBezTo>
                  <a:lnTo>
                    <a:pt x="33963" y="6629"/>
                  </a:lnTo>
                  <a:cubicBezTo>
                    <a:pt x="33905" y="6596"/>
                    <a:pt x="33838" y="6584"/>
                    <a:pt x="33771" y="6580"/>
                  </a:cubicBezTo>
                  <a:cubicBezTo>
                    <a:pt x="33765" y="6580"/>
                    <a:pt x="33759" y="6580"/>
                    <a:pt x="33753" y="6579"/>
                  </a:cubicBezTo>
                  <a:cubicBezTo>
                    <a:pt x="33734" y="6578"/>
                    <a:pt x="33716" y="6577"/>
                    <a:pt x="33699" y="6577"/>
                  </a:cubicBezTo>
                  <a:cubicBezTo>
                    <a:pt x="33647" y="6577"/>
                    <a:pt x="33600" y="6583"/>
                    <a:pt x="33551" y="6608"/>
                  </a:cubicBezTo>
                  <a:lnTo>
                    <a:pt x="33536" y="6615"/>
                  </a:lnTo>
                  <a:cubicBezTo>
                    <a:pt x="33524" y="6622"/>
                    <a:pt x="33514" y="6629"/>
                    <a:pt x="33505" y="6638"/>
                  </a:cubicBezTo>
                  <a:cubicBezTo>
                    <a:pt x="33503" y="6639"/>
                    <a:pt x="33500" y="6641"/>
                    <a:pt x="33499" y="6642"/>
                  </a:cubicBezTo>
                  <a:cubicBezTo>
                    <a:pt x="33495" y="6646"/>
                    <a:pt x="33493" y="6651"/>
                    <a:pt x="33490" y="6656"/>
                  </a:cubicBezTo>
                  <a:cubicBezTo>
                    <a:pt x="33484" y="6664"/>
                    <a:pt x="33477" y="6670"/>
                    <a:pt x="33475" y="6679"/>
                  </a:cubicBezTo>
                  <a:cubicBezTo>
                    <a:pt x="33475" y="6682"/>
                    <a:pt x="33477" y="6683"/>
                    <a:pt x="33477" y="6686"/>
                  </a:cubicBezTo>
                  <a:cubicBezTo>
                    <a:pt x="33476" y="6686"/>
                    <a:pt x="33476" y="6687"/>
                    <a:pt x="33476" y="6687"/>
                  </a:cubicBezTo>
                  <a:cubicBezTo>
                    <a:pt x="33476" y="6690"/>
                    <a:pt x="33478" y="6693"/>
                    <a:pt x="33478" y="6696"/>
                  </a:cubicBezTo>
                  <a:cubicBezTo>
                    <a:pt x="33480" y="6709"/>
                    <a:pt x="33482" y="6720"/>
                    <a:pt x="33491" y="6731"/>
                  </a:cubicBezTo>
                  <a:cubicBezTo>
                    <a:pt x="33494" y="6734"/>
                    <a:pt x="33498" y="6735"/>
                    <a:pt x="33503" y="6738"/>
                  </a:cubicBezTo>
                  <a:cubicBezTo>
                    <a:pt x="33510" y="6743"/>
                    <a:pt x="33516" y="6751"/>
                    <a:pt x="33525" y="6752"/>
                  </a:cubicBezTo>
                  <a:lnTo>
                    <a:pt x="33547" y="6757"/>
                  </a:lnTo>
                  <a:cubicBezTo>
                    <a:pt x="33544" y="6756"/>
                    <a:pt x="33540" y="6756"/>
                    <a:pt x="33537" y="6756"/>
                  </a:cubicBezTo>
                  <a:cubicBezTo>
                    <a:pt x="33507" y="6756"/>
                    <a:pt x="33480" y="6777"/>
                    <a:pt x="33475" y="6807"/>
                  </a:cubicBezTo>
                  <a:cubicBezTo>
                    <a:pt x="33468" y="6841"/>
                    <a:pt x="33491" y="6874"/>
                    <a:pt x="33525" y="6881"/>
                  </a:cubicBezTo>
                  <a:lnTo>
                    <a:pt x="33547" y="6885"/>
                  </a:lnTo>
                  <a:cubicBezTo>
                    <a:pt x="33544" y="6884"/>
                    <a:pt x="33540" y="6884"/>
                    <a:pt x="33537" y="6884"/>
                  </a:cubicBezTo>
                  <a:cubicBezTo>
                    <a:pt x="33507" y="6884"/>
                    <a:pt x="33480" y="6905"/>
                    <a:pt x="33475" y="6934"/>
                  </a:cubicBezTo>
                  <a:cubicBezTo>
                    <a:pt x="33468" y="6969"/>
                    <a:pt x="33491" y="7002"/>
                    <a:pt x="33525" y="7009"/>
                  </a:cubicBezTo>
                  <a:lnTo>
                    <a:pt x="33547" y="7012"/>
                  </a:lnTo>
                  <a:cubicBezTo>
                    <a:pt x="33546" y="7012"/>
                    <a:pt x="33545" y="7012"/>
                    <a:pt x="33544" y="7012"/>
                  </a:cubicBezTo>
                  <a:cubicBezTo>
                    <a:pt x="33535" y="7012"/>
                    <a:pt x="33526" y="7015"/>
                    <a:pt x="33518" y="7018"/>
                  </a:cubicBezTo>
                  <a:lnTo>
                    <a:pt x="33363" y="7018"/>
                  </a:lnTo>
                  <a:cubicBezTo>
                    <a:pt x="33359" y="6992"/>
                    <a:pt x="33343" y="6970"/>
                    <a:pt x="33316" y="6964"/>
                  </a:cubicBezTo>
                  <a:lnTo>
                    <a:pt x="33295" y="6960"/>
                  </a:lnTo>
                  <a:lnTo>
                    <a:pt x="33295" y="6960"/>
                  </a:lnTo>
                  <a:cubicBezTo>
                    <a:pt x="33298" y="6961"/>
                    <a:pt x="33301" y="6961"/>
                    <a:pt x="33305" y="6961"/>
                  </a:cubicBezTo>
                  <a:cubicBezTo>
                    <a:pt x="33334" y="6961"/>
                    <a:pt x="33362" y="6940"/>
                    <a:pt x="33367" y="6911"/>
                  </a:cubicBezTo>
                  <a:cubicBezTo>
                    <a:pt x="33373" y="6877"/>
                    <a:pt x="33351" y="6843"/>
                    <a:pt x="33316" y="6836"/>
                  </a:cubicBezTo>
                  <a:lnTo>
                    <a:pt x="33296" y="6833"/>
                  </a:lnTo>
                  <a:lnTo>
                    <a:pt x="33296" y="6833"/>
                  </a:lnTo>
                  <a:cubicBezTo>
                    <a:pt x="33299" y="6834"/>
                    <a:pt x="33302" y="6834"/>
                    <a:pt x="33305" y="6834"/>
                  </a:cubicBezTo>
                  <a:cubicBezTo>
                    <a:pt x="33335" y="6834"/>
                    <a:pt x="33362" y="6813"/>
                    <a:pt x="33367" y="6782"/>
                  </a:cubicBezTo>
                  <a:cubicBezTo>
                    <a:pt x="33369" y="6770"/>
                    <a:pt x="33364" y="6760"/>
                    <a:pt x="33360" y="6749"/>
                  </a:cubicBezTo>
                  <a:cubicBezTo>
                    <a:pt x="33368" y="6739"/>
                    <a:pt x="33375" y="6729"/>
                    <a:pt x="33376" y="6714"/>
                  </a:cubicBezTo>
                  <a:cubicBezTo>
                    <a:pt x="33370" y="6682"/>
                    <a:pt x="33370" y="6682"/>
                    <a:pt x="33318" y="6641"/>
                  </a:cubicBezTo>
                  <a:lnTo>
                    <a:pt x="33300" y="6629"/>
                  </a:lnTo>
                  <a:cubicBezTo>
                    <a:pt x="33242" y="6596"/>
                    <a:pt x="33176" y="6584"/>
                    <a:pt x="33110" y="6580"/>
                  </a:cubicBezTo>
                  <a:cubicBezTo>
                    <a:pt x="33104" y="6580"/>
                    <a:pt x="33096" y="6580"/>
                    <a:pt x="33090" y="6579"/>
                  </a:cubicBezTo>
                  <a:cubicBezTo>
                    <a:pt x="33072" y="6578"/>
                    <a:pt x="33054" y="6577"/>
                    <a:pt x="33036" y="6577"/>
                  </a:cubicBezTo>
                  <a:cubicBezTo>
                    <a:pt x="32985" y="6577"/>
                    <a:pt x="32937" y="6583"/>
                    <a:pt x="32889" y="6608"/>
                  </a:cubicBezTo>
                  <a:lnTo>
                    <a:pt x="32873" y="6615"/>
                  </a:lnTo>
                  <a:cubicBezTo>
                    <a:pt x="32862" y="6622"/>
                    <a:pt x="32851" y="6629"/>
                    <a:pt x="32842" y="6638"/>
                  </a:cubicBezTo>
                  <a:cubicBezTo>
                    <a:pt x="32840" y="6639"/>
                    <a:pt x="32839" y="6641"/>
                    <a:pt x="32837" y="6642"/>
                  </a:cubicBezTo>
                  <a:cubicBezTo>
                    <a:pt x="32833" y="6646"/>
                    <a:pt x="32831" y="6651"/>
                    <a:pt x="32828" y="6656"/>
                  </a:cubicBezTo>
                  <a:cubicBezTo>
                    <a:pt x="32822" y="6664"/>
                    <a:pt x="32814" y="6670"/>
                    <a:pt x="32813" y="6679"/>
                  </a:cubicBezTo>
                  <a:cubicBezTo>
                    <a:pt x="32812" y="6682"/>
                    <a:pt x="32814" y="6683"/>
                    <a:pt x="32814" y="6686"/>
                  </a:cubicBezTo>
                  <a:cubicBezTo>
                    <a:pt x="32814" y="6686"/>
                    <a:pt x="32813" y="6687"/>
                    <a:pt x="32813" y="6687"/>
                  </a:cubicBezTo>
                  <a:cubicBezTo>
                    <a:pt x="32813" y="6690"/>
                    <a:pt x="32816" y="6693"/>
                    <a:pt x="32816" y="6696"/>
                  </a:cubicBezTo>
                  <a:cubicBezTo>
                    <a:pt x="32817" y="6709"/>
                    <a:pt x="32820" y="6720"/>
                    <a:pt x="32829" y="6731"/>
                  </a:cubicBezTo>
                  <a:cubicBezTo>
                    <a:pt x="32832" y="6735"/>
                    <a:pt x="32837" y="6735"/>
                    <a:pt x="32841" y="6738"/>
                  </a:cubicBezTo>
                  <a:cubicBezTo>
                    <a:pt x="32848" y="6744"/>
                    <a:pt x="32854" y="6751"/>
                    <a:pt x="32864" y="6754"/>
                  </a:cubicBezTo>
                  <a:lnTo>
                    <a:pt x="32884" y="6756"/>
                  </a:lnTo>
                  <a:lnTo>
                    <a:pt x="32884" y="6756"/>
                  </a:lnTo>
                  <a:cubicBezTo>
                    <a:pt x="32881" y="6756"/>
                    <a:pt x="32878" y="6756"/>
                    <a:pt x="32875" y="6756"/>
                  </a:cubicBezTo>
                  <a:cubicBezTo>
                    <a:pt x="32845" y="6756"/>
                    <a:pt x="32819" y="6777"/>
                    <a:pt x="32813" y="6807"/>
                  </a:cubicBezTo>
                  <a:cubicBezTo>
                    <a:pt x="32807" y="6841"/>
                    <a:pt x="32829" y="6874"/>
                    <a:pt x="32864" y="6881"/>
                  </a:cubicBezTo>
                  <a:lnTo>
                    <a:pt x="32885" y="6885"/>
                  </a:lnTo>
                  <a:cubicBezTo>
                    <a:pt x="32882" y="6884"/>
                    <a:pt x="32879" y="6884"/>
                    <a:pt x="32875" y="6884"/>
                  </a:cubicBezTo>
                  <a:cubicBezTo>
                    <a:pt x="32845" y="6884"/>
                    <a:pt x="32819" y="6905"/>
                    <a:pt x="32813" y="6935"/>
                  </a:cubicBezTo>
                  <a:cubicBezTo>
                    <a:pt x="32807" y="6970"/>
                    <a:pt x="32829" y="7002"/>
                    <a:pt x="32864" y="7009"/>
                  </a:cubicBezTo>
                  <a:lnTo>
                    <a:pt x="32885" y="7013"/>
                  </a:lnTo>
                  <a:lnTo>
                    <a:pt x="32885" y="7013"/>
                  </a:lnTo>
                  <a:cubicBezTo>
                    <a:pt x="32883" y="7013"/>
                    <a:pt x="32881" y="7012"/>
                    <a:pt x="32880" y="7012"/>
                  </a:cubicBezTo>
                  <a:cubicBezTo>
                    <a:pt x="32872" y="7012"/>
                    <a:pt x="32864" y="7016"/>
                    <a:pt x="32856" y="7018"/>
                  </a:cubicBezTo>
                  <a:lnTo>
                    <a:pt x="32700" y="7018"/>
                  </a:lnTo>
                  <a:cubicBezTo>
                    <a:pt x="32697" y="6992"/>
                    <a:pt x="32682" y="6970"/>
                    <a:pt x="32655" y="6964"/>
                  </a:cubicBezTo>
                  <a:lnTo>
                    <a:pt x="32633" y="6960"/>
                  </a:lnTo>
                  <a:lnTo>
                    <a:pt x="32633" y="6960"/>
                  </a:lnTo>
                  <a:cubicBezTo>
                    <a:pt x="32637" y="6961"/>
                    <a:pt x="32641" y="6961"/>
                    <a:pt x="32644" y="6961"/>
                  </a:cubicBezTo>
                  <a:cubicBezTo>
                    <a:pt x="32673" y="6961"/>
                    <a:pt x="32699" y="6940"/>
                    <a:pt x="32705" y="6911"/>
                  </a:cubicBezTo>
                  <a:cubicBezTo>
                    <a:pt x="32711" y="6877"/>
                    <a:pt x="32689" y="6843"/>
                    <a:pt x="32654" y="6837"/>
                  </a:cubicBezTo>
                  <a:lnTo>
                    <a:pt x="32633" y="6833"/>
                  </a:lnTo>
                  <a:lnTo>
                    <a:pt x="32633" y="6833"/>
                  </a:lnTo>
                  <a:cubicBezTo>
                    <a:pt x="32636" y="6834"/>
                    <a:pt x="32640" y="6834"/>
                    <a:pt x="32643" y="6834"/>
                  </a:cubicBezTo>
                  <a:cubicBezTo>
                    <a:pt x="32672" y="6834"/>
                    <a:pt x="32699" y="6813"/>
                    <a:pt x="32705" y="6782"/>
                  </a:cubicBezTo>
                  <a:cubicBezTo>
                    <a:pt x="32707" y="6771"/>
                    <a:pt x="32701" y="6761"/>
                    <a:pt x="32697" y="6749"/>
                  </a:cubicBezTo>
                  <a:cubicBezTo>
                    <a:pt x="32706" y="6740"/>
                    <a:pt x="32714" y="6729"/>
                    <a:pt x="32714" y="6714"/>
                  </a:cubicBezTo>
                  <a:cubicBezTo>
                    <a:pt x="32709" y="6682"/>
                    <a:pt x="32709" y="6682"/>
                    <a:pt x="32656" y="6641"/>
                  </a:cubicBezTo>
                  <a:lnTo>
                    <a:pt x="32638" y="6629"/>
                  </a:lnTo>
                  <a:cubicBezTo>
                    <a:pt x="32580" y="6596"/>
                    <a:pt x="32514" y="6584"/>
                    <a:pt x="32447" y="6580"/>
                  </a:cubicBezTo>
                  <a:lnTo>
                    <a:pt x="32429" y="6580"/>
                  </a:lnTo>
                  <a:cubicBezTo>
                    <a:pt x="32408" y="6579"/>
                    <a:pt x="32389" y="6578"/>
                    <a:pt x="32370" y="6578"/>
                  </a:cubicBezTo>
                  <a:cubicBezTo>
                    <a:pt x="32320" y="6578"/>
                    <a:pt x="32274" y="6584"/>
                    <a:pt x="32227" y="6609"/>
                  </a:cubicBezTo>
                  <a:lnTo>
                    <a:pt x="32211" y="6615"/>
                  </a:lnTo>
                  <a:cubicBezTo>
                    <a:pt x="32200" y="6622"/>
                    <a:pt x="32190" y="6629"/>
                    <a:pt x="32180" y="6638"/>
                  </a:cubicBezTo>
                  <a:cubicBezTo>
                    <a:pt x="32178" y="6640"/>
                    <a:pt x="32176" y="6641"/>
                    <a:pt x="32175" y="6642"/>
                  </a:cubicBezTo>
                  <a:cubicBezTo>
                    <a:pt x="32170" y="6646"/>
                    <a:pt x="32169" y="6652"/>
                    <a:pt x="32166" y="6656"/>
                  </a:cubicBezTo>
                  <a:cubicBezTo>
                    <a:pt x="32160" y="6664"/>
                    <a:pt x="32153" y="6670"/>
                    <a:pt x="32150" y="6679"/>
                  </a:cubicBezTo>
                  <a:cubicBezTo>
                    <a:pt x="32150" y="6682"/>
                    <a:pt x="32153" y="6683"/>
                    <a:pt x="32153" y="6686"/>
                  </a:cubicBezTo>
                  <a:cubicBezTo>
                    <a:pt x="32153" y="6686"/>
                    <a:pt x="32152" y="6687"/>
                    <a:pt x="32152" y="6687"/>
                  </a:cubicBezTo>
                  <a:cubicBezTo>
                    <a:pt x="32152" y="6690"/>
                    <a:pt x="32154" y="6693"/>
                    <a:pt x="32154" y="6696"/>
                  </a:cubicBezTo>
                  <a:cubicBezTo>
                    <a:pt x="32156" y="6709"/>
                    <a:pt x="32158" y="6720"/>
                    <a:pt x="32167" y="6731"/>
                  </a:cubicBezTo>
                  <a:cubicBezTo>
                    <a:pt x="32170" y="6735"/>
                    <a:pt x="32174" y="6736"/>
                    <a:pt x="32178" y="6738"/>
                  </a:cubicBezTo>
                  <a:cubicBezTo>
                    <a:pt x="32186" y="6744"/>
                    <a:pt x="32192" y="6751"/>
                    <a:pt x="32201" y="6754"/>
                  </a:cubicBezTo>
                  <a:lnTo>
                    <a:pt x="32222" y="6756"/>
                  </a:lnTo>
                  <a:lnTo>
                    <a:pt x="32222" y="6756"/>
                  </a:lnTo>
                  <a:cubicBezTo>
                    <a:pt x="32219" y="6756"/>
                    <a:pt x="32216" y="6756"/>
                    <a:pt x="32213" y="6756"/>
                  </a:cubicBezTo>
                  <a:cubicBezTo>
                    <a:pt x="32183" y="6756"/>
                    <a:pt x="32156" y="6777"/>
                    <a:pt x="32150" y="6807"/>
                  </a:cubicBezTo>
                  <a:cubicBezTo>
                    <a:pt x="32144" y="6841"/>
                    <a:pt x="32167" y="6874"/>
                    <a:pt x="32201" y="6881"/>
                  </a:cubicBezTo>
                  <a:lnTo>
                    <a:pt x="32223" y="6885"/>
                  </a:lnTo>
                  <a:cubicBezTo>
                    <a:pt x="32219" y="6884"/>
                    <a:pt x="32216" y="6884"/>
                    <a:pt x="32213" y="6884"/>
                  </a:cubicBezTo>
                  <a:cubicBezTo>
                    <a:pt x="32183" y="6884"/>
                    <a:pt x="32156" y="6905"/>
                    <a:pt x="32150" y="6935"/>
                  </a:cubicBezTo>
                  <a:cubicBezTo>
                    <a:pt x="32144" y="6970"/>
                    <a:pt x="32167" y="7002"/>
                    <a:pt x="32201" y="7009"/>
                  </a:cubicBezTo>
                  <a:lnTo>
                    <a:pt x="32222" y="7013"/>
                  </a:lnTo>
                  <a:lnTo>
                    <a:pt x="32222" y="7013"/>
                  </a:lnTo>
                  <a:cubicBezTo>
                    <a:pt x="32221" y="7013"/>
                    <a:pt x="32219" y="7012"/>
                    <a:pt x="32217" y="7012"/>
                  </a:cubicBezTo>
                  <a:cubicBezTo>
                    <a:pt x="32209" y="7012"/>
                    <a:pt x="32202" y="7016"/>
                    <a:pt x="32195" y="7018"/>
                  </a:cubicBezTo>
                  <a:lnTo>
                    <a:pt x="32039" y="7018"/>
                  </a:lnTo>
                  <a:cubicBezTo>
                    <a:pt x="32035" y="6992"/>
                    <a:pt x="32019" y="6970"/>
                    <a:pt x="31992" y="6964"/>
                  </a:cubicBezTo>
                  <a:lnTo>
                    <a:pt x="31971" y="6960"/>
                  </a:lnTo>
                  <a:lnTo>
                    <a:pt x="31971" y="6960"/>
                  </a:lnTo>
                  <a:cubicBezTo>
                    <a:pt x="31974" y="6961"/>
                    <a:pt x="31978" y="6961"/>
                    <a:pt x="31982" y="6961"/>
                  </a:cubicBezTo>
                  <a:cubicBezTo>
                    <a:pt x="32012" y="6961"/>
                    <a:pt x="32037" y="6940"/>
                    <a:pt x="32043" y="6911"/>
                  </a:cubicBezTo>
                  <a:cubicBezTo>
                    <a:pt x="32049" y="6877"/>
                    <a:pt x="32026" y="6843"/>
                    <a:pt x="31992" y="6837"/>
                  </a:cubicBezTo>
                  <a:lnTo>
                    <a:pt x="31971" y="6833"/>
                  </a:lnTo>
                  <a:lnTo>
                    <a:pt x="31971" y="6833"/>
                  </a:lnTo>
                  <a:cubicBezTo>
                    <a:pt x="31974" y="6834"/>
                    <a:pt x="31977" y="6834"/>
                    <a:pt x="31981" y="6834"/>
                  </a:cubicBezTo>
                  <a:cubicBezTo>
                    <a:pt x="32011" y="6834"/>
                    <a:pt x="32037" y="6813"/>
                    <a:pt x="32043" y="6782"/>
                  </a:cubicBezTo>
                  <a:cubicBezTo>
                    <a:pt x="32045" y="6771"/>
                    <a:pt x="32040" y="6761"/>
                    <a:pt x="32036" y="6749"/>
                  </a:cubicBezTo>
                  <a:cubicBezTo>
                    <a:pt x="32044" y="6740"/>
                    <a:pt x="32051" y="6729"/>
                    <a:pt x="32052" y="6714"/>
                  </a:cubicBezTo>
                  <a:cubicBezTo>
                    <a:pt x="32046" y="6682"/>
                    <a:pt x="32046" y="6682"/>
                    <a:pt x="31993" y="6641"/>
                  </a:cubicBezTo>
                  <a:lnTo>
                    <a:pt x="31976" y="6629"/>
                  </a:lnTo>
                  <a:cubicBezTo>
                    <a:pt x="31919" y="6596"/>
                    <a:pt x="31852" y="6584"/>
                    <a:pt x="31786" y="6580"/>
                  </a:cubicBezTo>
                  <a:lnTo>
                    <a:pt x="31766" y="6580"/>
                  </a:lnTo>
                  <a:cubicBezTo>
                    <a:pt x="31746" y="6579"/>
                    <a:pt x="31727" y="6578"/>
                    <a:pt x="31708" y="6578"/>
                  </a:cubicBezTo>
                  <a:cubicBezTo>
                    <a:pt x="31659" y="6578"/>
                    <a:pt x="31612" y="6584"/>
                    <a:pt x="31564" y="6609"/>
                  </a:cubicBezTo>
                  <a:lnTo>
                    <a:pt x="31549" y="6615"/>
                  </a:lnTo>
                  <a:cubicBezTo>
                    <a:pt x="31538" y="6622"/>
                    <a:pt x="31527" y="6629"/>
                    <a:pt x="31518" y="6638"/>
                  </a:cubicBezTo>
                  <a:cubicBezTo>
                    <a:pt x="31516" y="6640"/>
                    <a:pt x="31515" y="6641"/>
                    <a:pt x="31513" y="6642"/>
                  </a:cubicBezTo>
                  <a:cubicBezTo>
                    <a:pt x="31509" y="6646"/>
                    <a:pt x="31508" y="6652"/>
                    <a:pt x="31503" y="6656"/>
                  </a:cubicBezTo>
                  <a:cubicBezTo>
                    <a:pt x="31498" y="6664"/>
                    <a:pt x="31491" y="6670"/>
                    <a:pt x="31489" y="6679"/>
                  </a:cubicBezTo>
                  <a:cubicBezTo>
                    <a:pt x="31488" y="6682"/>
                    <a:pt x="31490" y="6683"/>
                    <a:pt x="31490" y="6686"/>
                  </a:cubicBezTo>
                  <a:cubicBezTo>
                    <a:pt x="31490" y="6686"/>
                    <a:pt x="31490" y="6687"/>
                    <a:pt x="31490" y="6687"/>
                  </a:cubicBezTo>
                  <a:cubicBezTo>
                    <a:pt x="31489" y="6690"/>
                    <a:pt x="31492" y="6693"/>
                    <a:pt x="31492" y="6696"/>
                  </a:cubicBezTo>
                  <a:cubicBezTo>
                    <a:pt x="31493" y="6709"/>
                    <a:pt x="31496" y="6720"/>
                    <a:pt x="31505" y="6731"/>
                  </a:cubicBezTo>
                  <a:cubicBezTo>
                    <a:pt x="31509" y="6735"/>
                    <a:pt x="31513" y="6736"/>
                    <a:pt x="31517" y="6739"/>
                  </a:cubicBezTo>
                  <a:cubicBezTo>
                    <a:pt x="31524" y="6744"/>
                    <a:pt x="31530" y="6751"/>
                    <a:pt x="31540" y="6754"/>
                  </a:cubicBezTo>
                  <a:lnTo>
                    <a:pt x="31561" y="6758"/>
                  </a:lnTo>
                  <a:cubicBezTo>
                    <a:pt x="31557" y="6757"/>
                    <a:pt x="31553" y="6757"/>
                    <a:pt x="31550" y="6757"/>
                  </a:cubicBezTo>
                  <a:cubicBezTo>
                    <a:pt x="31520" y="6757"/>
                    <a:pt x="31494" y="6777"/>
                    <a:pt x="31489" y="6807"/>
                  </a:cubicBezTo>
                  <a:cubicBezTo>
                    <a:pt x="31483" y="6841"/>
                    <a:pt x="31505" y="6874"/>
                    <a:pt x="31540" y="6881"/>
                  </a:cubicBezTo>
                  <a:lnTo>
                    <a:pt x="31561" y="6885"/>
                  </a:lnTo>
                  <a:cubicBezTo>
                    <a:pt x="31558" y="6884"/>
                    <a:pt x="31555" y="6884"/>
                    <a:pt x="31551" y="6884"/>
                  </a:cubicBezTo>
                  <a:cubicBezTo>
                    <a:pt x="31521" y="6884"/>
                    <a:pt x="31495" y="6905"/>
                    <a:pt x="31489" y="6935"/>
                  </a:cubicBezTo>
                  <a:cubicBezTo>
                    <a:pt x="31483" y="6970"/>
                    <a:pt x="31505" y="7003"/>
                    <a:pt x="31540" y="7009"/>
                  </a:cubicBezTo>
                  <a:lnTo>
                    <a:pt x="31561" y="7013"/>
                  </a:lnTo>
                  <a:lnTo>
                    <a:pt x="31561" y="7013"/>
                  </a:lnTo>
                  <a:cubicBezTo>
                    <a:pt x="31559" y="7013"/>
                    <a:pt x="31558" y="7012"/>
                    <a:pt x="31556" y="7012"/>
                  </a:cubicBezTo>
                  <a:cubicBezTo>
                    <a:pt x="31548" y="7012"/>
                    <a:pt x="31540" y="7016"/>
                    <a:pt x="31532" y="7018"/>
                  </a:cubicBezTo>
                  <a:lnTo>
                    <a:pt x="31377" y="7018"/>
                  </a:lnTo>
                  <a:cubicBezTo>
                    <a:pt x="31373" y="6992"/>
                    <a:pt x="31358" y="6970"/>
                    <a:pt x="31331" y="6964"/>
                  </a:cubicBezTo>
                  <a:lnTo>
                    <a:pt x="31309" y="6960"/>
                  </a:lnTo>
                  <a:lnTo>
                    <a:pt x="31309" y="6960"/>
                  </a:lnTo>
                  <a:cubicBezTo>
                    <a:pt x="31313" y="6961"/>
                    <a:pt x="31317" y="6961"/>
                    <a:pt x="31320" y="6961"/>
                  </a:cubicBezTo>
                  <a:cubicBezTo>
                    <a:pt x="31349" y="6961"/>
                    <a:pt x="31375" y="6941"/>
                    <a:pt x="31381" y="6911"/>
                  </a:cubicBezTo>
                  <a:cubicBezTo>
                    <a:pt x="31388" y="6877"/>
                    <a:pt x="31365" y="6843"/>
                    <a:pt x="31331" y="6837"/>
                  </a:cubicBezTo>
                  <a:lnTo>
                    <a:pt x="31309" y="6833"/>
                  </a:lnTo>
                  <a:lnTo>
                    <a:pt x="31309" y="6833"/>
                  </a:lnTo>
                  <a:cubicBezTo>
                    <a:pt x="31312" y="6834"/>
                    <a:pt x="31316" y="6834"/>
                    <a:pt x="31319" y="6834"/>
                  </a:cubicBezTo>
                  <a:cubicBezTo>
                    <a:pt x="31348" y="6834"/>
                    <a:pt x="31376" y="6813"/>
                    <a:pt x="31381" y="6782"/>
                  </a:cubicBezTo>
                  <a:cubicBezTo>
                    <a:pt x="31383" y="6771"/>
                    <a:pt x="31378" y="6761"/>
                    <a:pt x="31374" y="6749"/>
                  </a:cubicBezTo>
                  <a:cubicBezTo>
                    <a:pt x="31382" y="6740"/>
                    <a:pt x="31390" y="6729"/>
                    <a:pt x="31391" y="6714"/>
                  </a:cubicBezTo>
                  <a:cubicBezTo>
                    <a:pt x="31385" y="6682"/>
                    <a:pt x="31385" y="6682"/>
                    <a:pt x="31332" y="6641"/>
                  </a:cubicBezTo>
                  <a:lnTo>
                    <a:pt x="31314" y="6629"/>
                  </a:lnTo>
                  <a:cubicBezTo>
                    <a:pt x="31256" y="6596"/>
                    <a:pt x="31190" y="6584"/>
                    <a:pt x="31124" y="6581"/>
                  </a:cubicBezTo>
                  <a:cubicBezTo>
                    <a:pt x="31118" y="6580"/>
                    <a:pt x="31111" y="6580"/>
                    <a:pt x="31104" y="6580"/>
                  </a:cubicBezTo>
                  <a:cubicBezTo>
                    <a:pt x="31085" y="6579"/>
                    <a:pt x="31066" y="6578"/>
                    <a:pt x="31047" y="6578"/>
                  </a:cubicBezTo>
                  <a:cubicBezTo>
                    <a:pt x="30997" y="6578"/>
                    <a:pt x="30950" y="6584"/>
                    <a:pt x="30903" y="6609"/>
                  </a:cubicBezTo>
                  <a:lnTo>
                    <a:pt x="30887" y="6615"/>
                  </a:lnTo>
                  <a:cubicBezTo>
                    <a:pt x="30876" y="6622"/>
                    <a:pt x="30866" y="6631"/>
                    <a:pt x="30856" y="6638"/>
                  </a:cubicBezTo>
                  <a:cubicBezTo>
                    <a:pt x="30854" y="6640"/>
                    <a:pt x="30853" y="6641"/>
                    <a:pt x="30851" y="6642"/>
                  </a:cubicBezTo>
                  <a:cubicBezTo>
                    <a:pt x="30847" y="6646"/>
                    <a:pt x="30845" y="6652"/>
                    <a:pt x="30842" y="6656"/>
                  </a:cubicBezTo>
                  <a:cubicBezTo>
                    <a:pt x="30837" y="6664"/>
                    <a:pt x="30828" y="6670"/>
                    <a:pt x="30827" y="6679"/>
                  </a:cubicBezTo>
                  <a:cubicBezTo>
                    <a:pt x="30826" y="6682"/>
                    <a:pt x="30828" y="6683"/>
                    <a:pt x="30828" y="6686"/>
                  </a:cubicBezTo>
                  <a:cubicBezTo>
                    <a:pt x="30828" y="6687"/>
                    <a:pt x="30827" y="6687"/>
                    <a:pt x="30827" y="6688"/>
                  </a:cubicBezTo>
                  <a:cubicBezTo>
                    <a:pt x="30827" y="6690"/>
                    <a:pt x="30830" y="6693"/>
                    <a:pt x="30830" y="6696"/>
                  </a:cubicBezTo>
                  <a:cubicBezTo>
                    <a:pt x="30832" y="6709"/>
                    <a:pt x="30835" y="6721"/>
                    <a:pt x="30843" y="6731"/>
                  </a:cubicBezTo>
                  <a:cubicBezTo>
                    <a:pt x="30846" y="6735"/>
                    <a:pt x="30851" y="6736"/>
                    <a:pt x="30855" y="6739"/>
                  </a:cubicBezTo>
                  <a:cubicBezTo>
                    <a:pt x="30863" y="6744"/>
                    <a:pt x="30868" y="6751"/>
                    <a:pt x="30877" y="6754"/>
                  </a:cubicBezTo>
                  <a:lnTo>
                    <a:pt x="30899" y="6758"/>
                  </a:lnTo>
                  <a:cubicBezTo>
                    <a:pt x="30895" y="6757"/>
                    <a:pt x="30892" y="6757"/>
                    <a:pt x="30889" y="6757"/>
                  </a:cubicBezTo>
                  <a:cubicBezTo>
                    <a:pt x="30860" y="6757"/>
                    <a:pt x="30833" y="6777"/>
                    <a:pt x="30826" y="6807"/>
                  </a:cubicBezTo>
                  <a:cubicBezTo>
                    <a:pt x="30820" y="6841"/>
                    <a:pt x="30843" y="6874"/>
                    <a:pt x="30877" y="6881"/>
                  </a:cubicBezTo>
                  <a:lnTo>
                    <a:pt x="30899" y="6885"/>
                  </a:lnTo>
                  <a:cubicBezTo>
                    <a:pt x="30895" y="6884"/>
                    <a:pt x="30892" y="6884"/>
                    <a:pt x="30889" y="6884"/>
                  </a:cubicBezTo>
                  <a:cubicBezTo>
                    <a:pt x="30859" y="6884"/>
                    <a:pt x="30832" y="6905"/>
                    <a:pt x="30826" y="6935"/>
                  </a:cubicBezTo>
                  <a:cubicBezTo>
                    <a:pt x="30820" y="6970"/>
                    <a:pt x="30843" y="7003"/>
                    <a:pt x="30877" y="7009"/>
                  </a:cubicBezTo>
                  <a:lnTo>
                    <a:pt x="30898" y="7013"/>
                  </a:lnTo>
                  <a:lnTo>
                    <a:pt x="30898" y="7013"/>
                  </a:lnTo>
                  <a:cubicBezTo>
                    <a:pt x="30897" y="7013"/>
                    <a:pt x="30895" y="7012"/>
                    <a:pt x="30894" y="7012"/>
                  </a:cubicBezTo>
                  <a:cubicBezTo>
                    <a:pt x="30886" y="7012"/>
                    <a:pt x="30879" y="7017"/>
                    <a:pt x="30871" y="7019"/>
                  </a:cubicBezTo>
                  <a:lnTo>
                    <a:pt x="30738" y="7019"/>
                  </a:lnTo>
                  <a:cubicBezTo>
                    <a:pt x="30744" y="6985"/>
                    <a:pt x="30722" y="6953"/>
                    <a:pt x="30688" y="6947"/>
                  </a:cubicBezTo>
                  <a:lnTo>
                    <a:pt x="30666" y="6943"/>
                  </a:lnTo>
                  <a:lnTo>
                    <a:pt x="30666" y="6943"/>
                  </a:lnTo>
                  <a:cubicBezTo>
                    <a:pt x="30670" y="6943"/>
                    <a:pt x="30674" y="6944"/>
                    <a:pt x="30677" y="6944"/>
                  </a:cubicBezTo>
                  <a:cubicBezTo>
                    <a:pt x="30707" y="6944"/>
                    <a:pt x="30733" y="6922"/>
                    <a:pt x="30738" y="6893"/>
                  </a:cubicBezTo>
                  <a:cubicBezTo>
                    <a:pt x="30745" y="6859"/>
                    <a:pt x="30722" y="6826"/>
                    <a:pt x="30688" y="6820"/>
                  </a:cubicBezTo>
                  <a:lnTo>
                    <a:pt x="30666" y="6816"/>
                  </a:lnTo>
                  <a:lnTo>
                    <a:pt x="30666" y="6816"/>
                  </a:lnTo>
                  <a:cubicBezTo>
                    <a:pt x="30669" y="6816"/>
                    <a:pt x="30673" y="6816"/>
                    <a:pt x="30676" y="6816"/>
                  </a:cubicBezTo>
                  <a:cubicBezTo>
                    <a:pt x="30706" y="6816"/>
                    <a:pt x="30733" y="6796"/>
                    <a:pt x="30738" y="6765"/>
                  </a:cubicBezTo>
                  <a:cubicBezTo>
                    <a:pt x="30741" y="6752"/>
                    <a:pt x="30735" y="6741"/>
                    <a:pt x="30731" y="6731"/>
                  </a:cubicBezTo>
                  <a:cubicBezTo>
                    <a:pt x="30738" y="6720"/>
                    <a:pt x="30746" y="6711"/>
                    <a:pt x="30747" y="6698"/>
                  </a:cubicBezTo>
                  <a:cubicBezTo>
                    <a:pt x="30741" y="6665"/>
                    <a:pt x="30741" y="6665"/>
                    <a:pt x="30688" y="6624"/>
                  </a:cubicBezTo>
                  <a:lnTo>
                    <a:pt x="30670" y="6613"/>
                  </a:lnTo>
                  <a:cubicBezTo>
                    <a:pt x="30612" y="6580"/>
                    <a:pt x="30546" y="6567"/>
                    <a:pt x="30480" y="6563"/>
                  </a:cubicBezTo>
                  <a:cubicBezTo>
                    <a:pt x="30473" y="6563"/>
                    <a:pt x="30467" y="6563"/>
                    <a:pt x="30460" y="6562"/>
                  </a:cubicBezTo>
                  <a:cubicBezTo>
                    <a:pt x="30442" y="6561"/>
                    <a:pt x="30424" y="6561"/>
                    <a:pt x="30406" y="6561"/>
                  </a:cubicBezTo>
                  <a:cubicBezTo>
                    <a:pt x="30355" y="6561"/>
                    <a:pt x="30307" y="6567"/>
                    <a:pt x="30259" y="6591"/>
                  </a:cubicBezTo>
                  <a:lnTo>
                    <a:pt x="30243" y="6598"/>
                  </a:lnTo>
                  <a:cubicBezTo>
                    <a:pt x="30232" y="6605"/>
                    <a:pt x="30223" y="6613"/>
                    <a:pt x="30212" y="6621"/>
                  </a:cubicBezTo>
                  <a:cubicBezTo>
                    <a:pt x="30211" y="6622"/>
                    <a:pt x="30210" y="6622"/>
                    <a:pt x="30209" y="6623"/>
                  </a:cubicBezTo>
                  <a:cubicBezTo>
                    <a:pt x="30202" y="6629"/>
                    <a:pt x="30199" y="6638"/>
                    <a:pt x="30195" y="6645"/>
                  </a:cubicBezTo>
                  <a:cubicBezTo>
                    <a:pt x="30192" y="6651"/>
                    <a:pt x="30185" y="6654"/>
                    <a:pt x="30184" y="6662"/>
                  </a:cubicBezTo>
                  <a:cubicBezTo>
                    <a:pt x="30183" y="6664"/>
                    <a:pt x="30185" y="6665"/>
                    <a:pt x="30185" y="6667"/>
                  </a:cubicBezTo>
                  <a:cubicBezTo>
                    <a:pt x="30184" y="6669"/>
                    <a:pt x="30183" y="6669"/>
                    <a:pt x="30183" y="6671"/>
                  </a:cubicBezTo>
                  <a:cubicBezTo>
                    <a:pt x="30182" y="6678"/>
                    <a:pt x="30188" y="6683"/>
                    <a:pt x="30190" y="6689"/>
                  </a:cubicBezTo>
                  <a:cubicBezTo>
                    <a:pt x="30192" y="6698"/>
                    <a:pt x="30193" y="6705"/>
                    <a:pt x="30198" y="6711"/>
                  </a:cubicBezTo>
                  <a:cubicBezTo>
                    <a:pt x="30203" y="6718"/>
                    <a:pt x="30211" y="6721"/>
                    <a:pt x="30220" y="6726"/>
                  </a:cubicBezTo>
                  <a:cubicBezTo>
                    <a:pt x="30225" y="6729"/>
                    <a:pt x="30228" y="6734"/>
                    <a:pt x="30234" y="6735"/>
                  </a:cubicBezTo>
                  <a:lnTo>
                    <a:pt x="30256" y="6739"/>
                  </a:lnTo>
                  <a:cubicBezTo>
                    <a:pt x="30252" y="6739"/>
                    <a:pt x="30249" y="6738"/>
                    <a:pt x="30246" y="6738"/>
                  </a:cubicBezTo>
                  <a:cubicBezTo>
                    <a:pt x="30216" y="6738"/>
                    <a:pt x="30189" y="6759"/>
                    <a:pt x="30183" y="6790"/>
                  </a:cubicBezTo>
                  <a:cubicBezTo>
                    <a:pt x="30177" y="6824"/>
                    <a:pt x="30200" y="6857"/>
                    <a:pt x="30234" y="6863"/>
                  </a:cubicBezTo>
                  <a:lnTo>
                    <a:pt x="30256" y="6867"/>
                  </a:lnTo>
                  <a:cubicBezTo>
                    <a:pt x="30252" y="6867"/>
                    <a:pt x="30249" y="6866"/>
                    <a:pt x="30246" y="6866"/>
                  </a:cubicBezTo>
                  <a:cubicBezTo>
                    <a:pt x="30217" y="6866"/>
                    <a:pt x="30190" y="6887"/>
                    <a:pt x="30184" y="6918"/>
                  </a:cubicBezTo>
                  <a:cubicBezTo>
                    <a:pt x="30177" y="6952"/>
                    <a:pt x="30200" y="6985"/>
                    <a:pt x="30234" y="6991"/>
                  </a:cubicBezTo>
                  <a:lnTo>
                    <a:pt x="30256" y="6995"/>
                  </a:lnTo>
                  <a:cubicBezTo>
                    <a:pt x="30253" y="6995"/>
                    <a:pt x="30250" y="6995"/>
                    <a:pt x="30247" y="6995"/>
                  </a:cubicBezTo>
                  <a:cubicBezTo>
                    <a:pt x="30229" y="6995"/>
                    <a:pt x="30213" y="7005"/>
                    <a:pt x="30201" y="7019"/>
                  </a:cubicBezTo>
                  <a:lnTo>
                    <a:pt x="29730" y="7019"/>
                  </a:lnTo>
                  <a:lnTo>
                    <a:pt x="29730" y="6463"/>
                  </a:lnTo>
                  <a:lnTo>
                    <a:pt x="29449" y="6463"/>
                  </a:lnTo>
                  <a:lnTo>
                    <a:pt x="29449" y="7184"/>
                  </a:lnTo>
                  <a:lnTo>
                    <a:pt x="29136" y="7184"/>
                  </a:lnTo>
                  <a:lnTo>
                    <a:pt x="29136" y="6102"/>
                  </a:lnTo>
                  <a:close/>
                  <a:moveTo>
                    <a:pt x="28232" y="2874"/>
                  </a:moveTo>
                  <a:lnTo>
                    <a:pt x="27991" y="4024"/>
                  </a:lnTo>
                  <a:lnTo>
                    <a:pt x="27512" y="4024"/>
                  </a:lnTo>
                  <a:cubicBezTo>
                    <a:pt x="26206" y="4024"/>
                    <a:pt x="25145" y="5084"/>
                    <a:pt x="25145" y="6391"/>
                  </a:cubicBezTo>
                  <a:lnTo>
                    <a:pt x="25145" y="6317"/>
                  </a:lnTo>
                  <a:lnTo>
                    <a:pt x="24747" y="6317"/>
                  </a:lnTo>
                  <a:cubicBezTo>
                    <a:pt x="24587" y="6317"/>
                    <a:pt x="24458" y="6447"/>
                    <a:pt x="24458" y="6607"/>
                  </a:cubicBezTo>
                  <a:lnTo>
                    <a:pt x="24458" y="7343"/>
                  </a:lnTo>
                  <a:cubicBezTo>
                    <a:pt x="20921" y="7324"/>
                    <a:pt x="16306" y="5254"/>
                    <a:pt x="14887" y="4575"/>
                  </a:cubicBezTo>
                  <a:cubicBezTo>
                    <a:pt x="14939" y="4488"/>
                    <a:pt x="14971" y="4387"/>
                    <a:pt x="14971" y="4278"/>
                  </a:cubicBezTo>
                  <a:lnTo>
                    <a:pt x="14971" y="2874"/>
                  </a:lnTo>
                  <a:close/>
                  <a:moveTo>
                    <a:pt x="1" y="0"/>
                  </a:moveTo>
                  <a:lnTo>
                    <a:pt x="1" y="2874"/>
                  </a:lnTo>
                  <a:lnTo>
                    <a:pt x="13816" y="2874"/>
                  </a:lnTo>
                  <a:lnTo>
                    <a:pt x="13816" y="4279"/>
                  </a:lnTo>
                  <a:cubicBezTo>
                    <a:pt x="13816" y="4402"/>
                    <a:pt x="13855" y="4516"/>
                    <a:pt x="13922" y="4609"/>
                  </a:cubicBezTo>
                  <a:cubicBezTo>
                    <a:pt x="10938" y="6403"/>
                    <a:pt x="8058" y="7010"/>
                    <a:pt x="5527" y="7010"/>
                  </a:cubicBezTo>
                  <a:cubicBezTo>
                    <a:pt x="3385" y="7010"/>
                    <a:pt x="1493" y="6575"/>
                    <a:pt x="1" y="6059"/>
                  </a:cubicBezTo>
                  <a:lnTo>
                    <a:pt x="1" y="6320"/>
                  </a:lnTo>
                  <a:cubicBezTo>
                    <a:pt x="1504" y="6834"/>
                    <a:pt x="3396" y="7260"/>
                    <a:pt x="5533" y="7260"/>
                  </a:cubicBezTo>
                  <a:cubicBezTo>
                    <a:pt x="8121" y="7260"/>
                    <a:pt x="11067" y="6635"/>
                    <a:pt x="14118" y="4782"/>
                  </a:cubicBezTo>
                  <a:cubicBezTo>
                    <a:pt x="14201" y="4828"/>
                    <a:pt x="14294" y="4856"/>
                    <a:pt x="14394" y="4856"/>
                  </a:cubicBezTo>
                  <a:cubicBezTo>
                    <a:pt x="14508" y="4856"/>
                    <a:pt x="14613" y="4822"/>
                    <a:pt x="14703" y="4765"/>
                  </a:cubicBezTo>
                  <a:cubicBezTo>
                    <a:pt x="16051" y="5422"/>
                    <a:pt x="20775" y="7592"/>
                    <a:pt x="24458" y="7600"/>
                  </a:cubicBezTo>
                  <a:lnTo>
                    <a:pt x="24458" y="8056"/>
                  </a:lnTo>
                  <a:cubicBezTo>
                    <a:pt x="24458" y="8216"/>
                    <a:pt x="24588" y="8345"/>
                    <a:pt x="24747" y="8345"/>
                  </a:cubicBezTo>
                  <a:lnTo>
                    <a:pt x="25146" y="8345"/>
                  </a:lnTo>
                  <a:lnTo>
                    <a:pt x="25146" y="8374"/>
                  </a:lnTo>
                  <a:cubicBezTo>
                    <a:pt x="25146" y="8605"/>
                    <a:pt x="25332" y="8791"/>
                    <a:pt x="25562" y="8791"/>
                  </a:cubicBezTo>
                  <a:lnTo>
                    <a:pt x="28138" y="8791"/>
                  </a:lnTo>
                  <a:cubicBezTo>
                    <a:pt x="28367" y="8791"/>
                    <a:pt x="28554" y="8605"/>
                    <a:pt x="28554" y="8374"/>
                  </a:cubicBezTo>
                  <a:lnTo>
                    <a:pt x="28554" y="7819"/>
                  </a:lnTo>
                  <a:lnTo>
                    <a:pt x="29136" y="7819"/>
                  </a:lnTo>
                  <a:lnTo>
                    <a:pt x="29136" y="7662"/>
                  </a:lnTo>
                  <a:lnTo>
                    <a:pt x="29449" y="7662"/>
                  </a:lnTo>
                  <a:lnTo>
                    <a:pt x="29449" y="8383"/>
                  </a:lnTo>
                  <a:lnTo>
                    <a:pt x="29730" y="8383"/>
                  </a:lnTo>
                  <a:lnTo>
                    <a:pt x="29730" y="7826"/>
                  </a:lnTo>
                  <a:lnTo>
                    <a:pt x="30188" y="7826"/>
                  </a:lnTo>
                  <a:cubicBezTo>
                    <a:pt x="30189" y="7855"/>
                    <a:pt x="30205" y="7880"/>
                    <a:pt x="30234" y="7885"/>
                  </a:cubicBezTo>
                  <a:lnTo>
                    <a:pt x="30256" y="7890"/>
                  </a:lnTo>
                  <a:cubicBezTo>
                    <a:pt x="30252" y="7889"/>
                    <a:pt x="30249" y="7889"/>
                    <a:pt x="30246" y="7889"/>
                  </a:cubicBezTo>
                  <a:cubicBezTo>
                    <a:pt x="30217" y="7889"/>
                    <a:pt x="30190" y="7909"/>
                    <a:pt x="30184" y="7940"/>
                  </a:cubicBezTo>
                  <a:cubicBezTo>
                    <a:pt x="30177" y="7974"/>
                    <a:pt x="30200" y="8007"/>
                    <a:pt x="30235" y="8014"/>
                  </a:cubicBezTo>
                  <a:lnTo>
                    <a:pt x="30257" y="8018"/>
                  </a:lnTo>
                  <a:cubicBezTo>
                    <a:pt x="30253" y="8017"/>
                    <a:pt x="30250" y="8017"/>
                    <a:pt x="30247" y="8017"/>
                  </a:cubicBezTo>
                  <a:cubicBezTo>
                    <a:pt x="30217" y="8017"/>
                    <a:pt x="30190" y="8038"/>
                    <a:pt x="30184" y="8068"/>
                  </a:cubicBezTo>
                  <a:cubicBezTo>
                    <a:pt x="30178" y="8102"/>
                    <a:pt x="30200" y="8136"/>
                    <a:pt x="30235" y="8142"/>
                  </a:cubicBezTo>
                  <a:lnTo>
                    <a:pt x="30257" y="8146"/>
                  </a:lnTo>
                  <a:cubicBezTo>
                    <a:pt x="30253" y="8145"/>
                    <a:pt x="30250" y="8145"/>
                    <a:pt x="30247" y="8145"/>
                  </a:cubicBezTo>
                  <a:cubicBezTo>
                    <a:pt x="30217" y="8145"/>
                    <a:pt x="30190" y="8166"/>
                    <a:pt x="30184" y="8195"/>
                  </a:cubicBezTo>
                  <a:cubicBezTo>
                    <a:pt x="30178" y="8230"/>
                    <a:pt x="30200" y="8263"/>
                    <a:pt x="30235" y="8269"/>
                  </a:cubicBezTo>
                  <a:lnTo>
                    <a:pt x="30257" y="8273"/>
                  </a:lnTo>
                  <a:cubicBezTo>
                    <a:pt x="30253" y="8273"/>
                    <a:pt x="30250" y="8272"/>
                    <a:pt x="30247" y="8272"/>
                  </a:cubicBezTo>
                  <a:cubicBezTo>
                    <a:pt x="30217" y="8272"/>
                    <a:pt x="30190" y="8293"/>
                    <a:pt x="30184" y="8324"/>
                  </a:cubicBezTo>
                  <a:cubicBezTo>
                    <a:pt x="30178" y="8358"/>
                    <a:pt x="30200" y="8391"/>
                    <a:pt x="30235" y="8397"/>
                  </a:cubicBezTo>
                  <a:lnTo>
                    <a:pt x="30257" y="8401"/>
                  </a:lnTo>
                  <a:cubicBezTo>
                    <a:pt x="30253" y="8401"/>
                    <a:pt x="30250" y="8400"/>
                    <a:pt x="30247" y="8400"/>
                  </a:cubicBezTo>
                  <a:cubicBezTo>
                    <a:pt x="30217" y="8400"/>
                    <a:pt x="30190" y="8421"/>
                    <a:pt x="30184" y="8452"/>
                  </a:cubicBezTo>
                  <a:cubicBezTo>
                    <a:pt x="30178" y="8486"/>
                    <a:pt x="30201" y="8519"/>
                    <a:pt x="30235" y="8525"/>
                  </a:cubicBezTo>
                  <a:lnTo>
                    <a:pt x="30257" y="8529"/>
                  </a:lnTo>
                  <a:cubicBezTo>
                    <a:pt x="30253" y="8529"/>
                    <a:pt x="30249" y="8528"/>
                    <a:pt x="30246" y="8528"/>
                  </a:cubicBezTo>
                  <a:cubicBezTo>
                    <a:pt x="30216" y="8528"/>
                    <a:pt x="30190" y="8550"/>
                    <a:pt x="30184" y="8579"/>
                  </a:cubicBezTo>
                  <a:cubicBezTo>
                    <a:pt x="30178" y="8613"/>
                    <a:pt x="30201" y="8646"/>
                    <a:pt x="30235" y="8652"/>
                  </a:cubicBezTo>
                  <a:lnTo>
                    <a:pt x="30257" y="8657"/>
                  </a:lnTo>
                  <a:cubicBezTo>
                    <a:pt x="30253" y="8656"/>
                    <a:pt x="30250" y="8656"/>
                    <a:pt x="30247" y="8656"/>
                  </a:cubicBezTo>
                  <a:cubicBezTo>
                    <a:pt x="30217" y="8656"/>
                    <a:pt x="30190" y="8676"/>
                    <a:pt x="30184" y="8707"/>
                  </a:cubicBezTo>
                  <a:cubicBezTo>
                    <a:pt x="30178" y="8741"/>
                    <a:pt x="30201" y="8774"/>
                    <a:pt x="30235" y="8781"/>
                  </a:cubicBezTo>
                  <a:lnTo>
                    <a:pt x="30257" y="8785"/>
                  </a:lnTo>
                  <a:cubicBezTo>
                    <a:pt x="30253" y="8784"/>
                    <a:pt x="30250" y="8784"/>
                    <a:pt x="30247" y="8784"/>
                  </a:cubicBezTo>
                  <a:cubicBezTo>
                    <a:pt x="30217" y="8784"/>
                    <a:pt x="30190" y="8805"/>
                    <a:pt x="30184" y="8834"/>
                  </a:cubicBezTo>
                  <a:cubicBezTo>
                    <a:pt x="30178" y="8869"/>
                    <a:pt x="30201" y="8901"/>
                    <a:pt x="30235" y="8909"/>
                  </a:cubicBezTo>
                  <a:lnTo>
                    <a:pt x="30256" y="8912"/>
                  </a:lnTo>
                  <a:lnTo>
                    <a:pt x="30256" y="8912"/>
                  </a:lnTo>
                  <a:cubicBezTo>
                    <a:pt x="30253" y="8911"/>
                    <a:pt x="30250" y="8911"/>
                    <a:pt x="30247" y="8911"/>
                  </a:cubicBezTo>
                  <a:cubicBezTo>
                    <a:pt x="30217" y="8911"/>
                    <a:pt x="30190" y="8932"/>
                    <a:pt x="30184" y="8962"/>
                  </a:cubicBezTo>
                  <a:cubicBezTo>
                    <a:pt x="30178" y="8997"/>
                    <a:pt x="30201" y="9030"/>
                    <a:pt x="30235" y="9036"/>
                  </a:cubicBezTo>
                  <a:lnTo>
                    <a:pt x="30257" y="9040"/>
                  </a:lnTo>
                  <a:cubicBezTo>
                    <a:pt x="30254" y="9040"/>
                    <a:pt x="30250" y="9039"/>
                    <a:pt x="30247" y="9039"/>
                  </a:cubicBezTo>
                  <a:cubicBezTo>
                    <a:pt x="30218" y="9039"/>
                    <a:pt x="30191" y="9060"/>
                    <a:pt x="30185" y="9091"/>
                  </a:cubicBezTo>
                  <a:cubicBezTo>
                    <a:pt x="30178" y="9125"/>
                    <a:pt x="30201" y="9158"/>
                    <a:pt x="30235" y="9164"/>
                  </a:cubicBezTo>
                  <a:lnTo>
                    <a:pt x="30257" y="9168"/>
                  </a:lnTo>
                  <a:cubicBezTo>
                    <a:pt x="30253" y="9168"/>
                    <a:pt x="30249" y="9167"/>
                    <a:pt x="30246" y="9167"/>
                  </a:cubicBezTo>
                  <a:cubicBezTo>
                    <a:pt x="30217" y="9167"/>
                    <a:pt x="30191" y="9188"/>
                    <a:pt x="30185" y="9218"/>
                  </a:cubicBezTo>
                  <a:cubicBezTo>
                    <a:pt x="30178" y="9252"/>
                    <a:pt x="30201" y="9285"/>
                    <a:pt x="30235" y="9291"/>
                  </a:cubicBezTo>
                  <a:lnTo>
                    <a:pt x="30257" y="9295"/>
                  </a:lnTo>
                  <a:cubicBezTo>
                    <a:pt x="30254" y="9295"/>
                    <a:pt x="30250" y="9295"/>
                    <a:pt x="30247" y="9295"/>
                  </a:cubicBezTo>
                  <a:cubicBezTo>
                    <a:pt x="30218" y="9295"/>
                    <a:pt x="30191" y="9315"/>
                    <a:pt x="30185" y="9346"/>
                  </a:cubicBezTo>
                  <a:cubicBezTo>
                    <a:pt x="30178" y="9380"/>
                    <a:pt x="30201" y="9413"/>
                    <a:pt x="30235" y="9419"/>
                  </a:cubicBezTo>
                  <a:lnTo>
                    <a:pt x="30257" y="9424"/>
                  </a:lnTo>
                  <a:cubicBezTo>
                    <a:pt x="30254" y="9423"/>
                    <a:pt x="30250" y="9423"/>
                    <a:pt x="30247" y="9423"/>
                  </a:cubicBezTo>
                  <a:cubicBezTo>
                    <a:pt x="30218" y="9423"/>
                    <a:pt x="30191" y="9443"/>
                    <a:pt x="30185" y="9473"/>
                  </a:cubicBezTo>
                  <a:cubicBezTo>
                    <a:pt x="30178" y="9508"/>
                    <a:pt x="30201" y="9540"/>
                    <a:pt x="30236" y="9548"/>
                  </a:cubicBezTo>
                  <a:lnTo>
                    <a:pt x="30258" y="9552"/>
                  </a:lnTo>
                  <a:cubicBezTo>
                    <a:pt x="30254" y="9551"/>
                    <a:pt x="30250" y="9551"/>
                    <a:pt x="30246" y="9551"/>
                  </a:cubicBezTo>
                  <a:cubicBezTo>
                    <a:pt x="30217" y="9551"/>
                    <a:pt x="30191" y="9571"/>
                    <a:pt x="30185" y="9601"/>
                  </a:cubicBezTo>
                  <a:cubicBezTo>
                    <a:pt x="30178" y="9635"/>
                    <a:pt x="30201" y="9668"/>
                    <a:pt x="30236" y="9675"/>
                  </a:cubicBezTo>
                  <a:lnTo>
                    <a:pt x="30257" y="9679"/>
                  </a:lnTo>
                  <a:cubicBezTo>
                    <a:pt x="30254" y="9678"/>
                    <a:pt x="30250" y="9678"/>
                    <a:pt x="30247" y="9678"/>
                  </a:cubicBezTo>
                  <a:cubicBezTo>
                    <a:pt x="30218" y="9678"/>
                    <a:pt x="30191" y="9699"/>
                    <a:pt x="30185" y="9729"/>
                  </a:cubicBezTo>
                  <a:cubicBezTo>
                    <a:pt x="30178" y="9764"/>
                    <a:pt x="30201" y="9797"/>
                    <a:pt x="30236" y="9803"/>
                  </a:cubicBezTo>
                  <a:lnTo>
                    <a:pt x="30258" y="9807"/>
                  </a:lnTo>
                  <a:cubicBezTo>
                    <a:pt x="30254" y="9806"/>
                    <a:pt x="30251" y="9806"/>
                    <a:pt x="30248" y="9806"/>
                  </a:cubicBezTo>
                  <a:cubicBezTo>
                    <a:pt x="30218" y="9806"/>
                    <a:pt x="30191" y="9827"/>
                    <a:pt x="30185" y="9857"/>
                  </a:cubicBezTo>
                  <a:cubicBezTo>
                    <a:pt x="30179" y="9891"/>
                    <a:pt x="30201" y="9924"/>
                    <a:pt x="30236" y="9931"/>
                  </a:cubicBezTo>
                  <a:lnTo>
                    <a:pt x="30257" y="9934"/>
                  </a:lnTo>
                  <a:lnTo>
                    <a:pt x="30257" y="9934"/>
                  </a:lnTo>
                  <a:cubicBezTo>
                    <a:pt x="30254" y="9934"/>
                    <a:pt x="30251" y="9933"/>
                    <a:pt x="30248" y="9933"/>
                  </a:cubicBezTo>
                  <a:cubicBezTo>
                    <a:pt x="30218" y="9933"/>
                    <a:pt x="30191" y="9954"/>
                    <a:pt x="30185" y="9985"/>
                  </a:cubicBezTo>
                  <a:cubicBezTo>
                    <a:pt x="30179" y="10019"/>
                    <a:pt x="30202" y="10052"/>
                    <a:pt x="30236" y="10058"/>
                  </a:cubicBezTo>
                  <a:lnTo>
                    <a:pt x="30258" y="10062"/>
                  </a:lnTo>
                  <a:cubicBezTo>
                    <a:pt x="30254" y="10062"/>
                    <a:pt x="30251" y="10062"/>
                    <a:pt x="30248" y="10062"/>
                  </a:cubicBezTo>
                  <a:cubicBezTo>
                    <a:pt x="30218" y="10062"/>
                    <a:pt x="30191" y="10082"/>
                    <a:pt x="30185" y="10113"/>
                  </a:cubicBezTo>
                  <a:cubicBezTo>
                    <a:pt x="30179" y="10147"/>
                    <a:pt x="30202" y="10180"/>
                    <a:pt x="30236" y="10186"/>
                  </a:cubicBezTo>
                  <a:lnTo>
                    <a:pt x="30258" y="10191"/>
                  </a:lnTo>
                  <a:cubicBezTo>
                    <a:pt x="30254" y="10190"/>
                    <a:pt x="30250" y="10189"/>
                    <a:pt x="30247" y="10189"/>
                  </a:cubicBezTo>
                  <a:cubicBezTo>
                    <a:pt x="30217" y="10189"/>
                    <a:pt x="30191" y="10211"/>
                    <a:pt x="30185" y="10240"/>
                  </a:cubicBezTo>
                  <a:cubicBezTo>
                    <a:pt x="30179" y="10274"/>
                    <a:pt x="30202" y="10307"/>
                    <a:pt x="30236" y="10314"/>
                  </a:cubicBezTo>
                  <a:lnTo>
                    <a:pt x="30258" y="10318"/>
                  </a:lnTo>
                  <a:cubicBezTo>
                    <a:pt x="30254" y="10317"/>
                    <a:pt x="30251" y="10317"/>
                    <a:pt x="30248" y="10317"/>
                  </a:cubicBezTo>
                  <a:cubicBezTo>
                    <a:pt x="30218" y="10317"/>
                    <a:pt x="30191" y="10338"/>
                    <a:pt x="30185" y="10368"/>
                  </a:cubicBezTo>
                  <a:cubicBezTo>
                    <a:pt x="30179" y="10402"/>
                    <a:pt x="30202" y="10435"/>
                    <a:pt x="30236" y="10442"/>
                  </a:cubicBezTo>
                  <a:lnTo>
                    <a:pt x="30258" y="10446"/>
                  </a:lnTo>
                  <a:cubicBezTo>
                    <a:pt x="30255" y="10445"/>
                    <a:pt x="30251" y="10445"/>
                    <a:pt x="30248" y="10445"/>
                  </a:cubicBezTo>
                  <a:cubicBezTo>
                    <a:pt x="30218" y="10445"/>
                    <a:pt x="30191" y="10466"/>
                    <a:pt x="30185" y="10495"/>
                  </a:cubicBezTo>
                  <a:cubicBezTo>
                    <a:pt x="30179" y="10531"/>
                    <a:pt x="30202" y="10563"/>
                    <a:pt x="30236" y="10570"/>
                  </a:cubicBezTo>
                  <a:lnTo>
                    <a:pt x="30258" y="10574"/>
                  </a:lnTo>
                  <a:cubicBezTo>
                    <a:pt x="30254" y="10573"/>
                    <a:pt x="30250" y="10573"/>
                    <a:pt x="30247" y="10573"/>
                  </a:cubicBezTo>
                  <a:cubicBezTo>
                    <a:pt x="30218" y="10573"/>
                    <a:pt x="30192" y="10593"/>
                    <a:pt x="30185" y="10624"/>
                  </a:cubicBezTo>
                  <a:cubicBezTo>
                    <a:pt x="30179" y="10658"/>
                    <a:pt x="30202" y="10691"/>
                    <a:pt x="30236" y="10697"/>
                  </a:cubicBezTo>
                  <a:lnTo>
                    <a:pt x="30258" y="10701"/>
                  </a:lnTo>
                  <a:cubicBezTo>
                    <a:pt x="30255" y="10701"/>
                    <a:pt x="30251" y="10700"/>
                    <a:pt x="30248" y="10700"/>
                  </a:cubicBezTo>
                  <a:cubicBezTo>
                    <a:pt x="30219" y="10700"/>
                    <a:pt x="30192" y="10721"/>
                    <a:pt x="30185" y="10752"/>
                  </a:cubicBezTo>
                  <a:cubicBezTo>
                    <a:pt x="30179" y="10786"/>
                    <a:pt x="30202" y="10819"/>
                    <a:pt x="30236" y="10825"/>
                  </a:cubicBezTo>
                  <a:lnTo>
                    <a:pt x="30258" y="10829"/>
                  </a:lnTo>
                  <a:cubicBezTo>
                    <a:pt x="30255" y="10829"/>
                    <a:pt x="30251" y="10829"/>
                    <a:pt x="30248" y="10829"/>
                  </a:cubicBezTo>
                  <a:cubicBezTo>
                    <a:pt x="30219" y="10829"/>
                    <a:pt x="30192" y="10849"/>
                    <a:pt x="30185" y="10879"/>
                  </a:cubicBezTo>
                  <a:cubicBezTo>
                    <a:pt x="30179" y="10913"/>
                    <a:pt x="30202" y="10946"/>
                    <a:pt x="30236" y="10953"/>
                  </a:cubicBezTo>
                  <a:lnTo>
                    <a:pt x="30256" y="10956"/>
                  </a:lnTo>
                  <a:lnTo>
                    <a:pt x="30256" y="10956"/>
                  </a:lnTo>
                  <a:cubicBezTo>
                    <a:pt x="30253" y="10956"/>
                    <a:pt x="30251" y="10956"/>
                    <a:pt x="30248" y="10956"/>
                  </a:cubicBezTo>
                  <a:cubicBezTo>
                    <a:pt x="30219" y="10956"/>
                    <a:pt x="30192" y="10976"/>
                    <a:pt x="30186" y="11007"/>
                  </a:cubicBezTo>
                  <a:cubicBezTo>
                    <a:pt x="30179" y="11041"/>
                    <a:pt x="30202" y="11074"/>
                    <a:pt x="30236" y="11081"/>
                  </a:cubicBezTo>
                  <a:lnTo>
                    <a:pt x="30258" y="11085"/>
                  </a:lnTo>
                  <a:cubicBezTo>
                    <a:pt x="30255" y="11084"/>
                    <a:pt x="30251" y="11084"/>
                    <a:pt x="30248" y="11084"/>
                  </a:cubicBezTo>
                  <a:cubicBezTo>
                    <a:pt x="30219" y="11084"/>
                    <a:pt x="30192" y="11105"/>
                    <a:pt x="30186" y="11135"/>
                  </a:cubicBezTo>
                  <a:cubicBezTo>
                    <a:pt x="30179" y="11169"/>
                    <a:pt x="30202" y="11202"/>
                    <a:pt x="30237" y="11209"/>
                  </a:cubicBezTo>
                  <a:lnTo>
                    <a:pt x="30259" y="11213"/>
                  </a:lnTo>
                  <a:cubicBezTo>
                    <a:pt x="30255" y="11212"/>
                    <a:pt x="30251" y="11212"/>
                    <a:pt x="30248" y="11212"/>
                  </a:cubicBezTo>
                  <a:cubicBezTo>
                    <a:pt x="30218" y="11212"/>
                    <a:pt x="30192" y="11233"/>
                    <a:pt x="30186" y="11262"/>
                  </a:cubicBezTo>
                  <a:cubicBezTo>
                    <a:pt x="30180" y="11297"/>
                    <a:pt x="30202" y="11330"/>
                    <a:pt x="30237" y="11336"/>
                  </a:cubicBezTo>
                  <a:lnTo>
                    <a:pt x="30259" y="11340"/>
                  </a:lnTo>
                  <a:cubicBezTo>
                    <a:pt x="30255" y="11339"/>
                    <a:pt x="30252" y="11339"/>
                    <a:pt x="30249" y="11339"/>
                  </a:cubicBezTo>
                  <a:cubicBezTo>
                    <a:pt x="30219" y="11339"/>
                    <a:pt x="30192" y="11360"/>
                    <a:pt x="30186" y="11391"/>
                  </a:cubicBezTo>
                  <a:cubicBezTo>
                    <a:pt x="30180" y="11425"/>
                    <a:pt x="30202" y="11458"/>
                    <a:pt x="30237" y="11464"/>
                  </a:cubicBezTo>
                  <a:lnTo>
                    <a:pt x="30259" y="11468"/>
                  </a:lnTo>
                  <a:cubicBezTo>
                    <a:pt x="30255" y="11468"/>
                    <a:pt x="30252" y="11467"/>
                    <a:pt x="30249" y="11467"/>
                  </a:cubicBezTo>
                  <a:cubicBezTo>
                    <a:pt x="30219" y="11467"/>
                    <a:pt x="30192" y="11488"/>
                    <a:pt x="30186" y="11518"/>
                  </a:cubicBezTo>
                  <a:cubicBezTo>
                    <a:pt x="30180" y="11552"/>
                    <a:pt x="30203" y="11585"/>
                    <a:pt x="30237" y="11592"/>
                  </a:cubicBezTo>
                  <a:lnTo>
                    <a:pt x="30258" y="11595"/>
                  </a:lnTo>
                  <a:lnTo>
                    <a:pt x="30258" y="11595"/>
                  </a:lnTo>
                  <a:cubicBezTo>
                    <a:pt x="30255" y="11595"/>
                    <a:pt x="30252" y="11595"/>
                    <a:pt x="30249" y="11595"/>
                  </a:cubicBezTo>
                  <a:cubicBezTo>
                    <a:pt x="30219" y="11595"/>
                    <a:pt x="30192" y="11615"/>
                    <a:pt x="30186" y="11646"/>
                  </a:cubicBezTo>
                  <a:cubicBezTo>
                    <a:pt x="30180" y="11680"/>
                    <a:pt x="30203" y="11713"/>
                    <a:pt x="30237" y="11719"/>
                  </a:cubicBezTo>
                  <a:lnTo>
                    <a:pt x="30259" y="11723"/>
                  </a:lnTo>
                  <a:cubicBezTo>
                    <a:pt x="30255" y="11723"/>
                    <a:pt x="30252" y="11723"/>
                    <a:pt x="30249" y="11723"/>
                  </a:cubicBezTo>
                  <a:cubicBezTo>
                    <a:pt x="30219" y="11723"/>
                    <a:pt x="30192" y="11743"/>
                    <a:pt x="30186" y="11774"/>
                  </a:cubicBezTo>
                  <a:cubicBezTo>
                    <a:pt x="30180" y="11808"/>
                    <a:pt x="30203" y="11841"/>
                    <a:pt x="30237" y="11847"/>
                  </a:cubicBezTo>
                  <a:lnTo>
                    <a:pt x="30259" y="11852"/>
                  </a:lnTo>
                  <a:cubicBezTo>
                    <a:pt x="30255" y="11851"/>
                    <a:pt x="30252" y="11851"/>
                    <a:pt x="30249" y="11851"/>
                  </a:cubicBezTo>
                  <a:cubicBezTo>
                    <a:pt x="30219" y="11851"/>
                    <a:pt x="30192" y="11871"/>
                    <a:pt x="30186" y="11901"/>
                  </a:cubicBezTo>
                  <a:cubicBezTo>
                    <a:pt x="30180" y="11935"/>
                    <a:pt x="30203" y="11968"/>
                    <a:pt x="30237" y="11975"/>
                  </a:cubicBezTo>
                  <a:lnTo>
                    <a:pt x="30259" y="11979"/>
                  </a:lnTo>
                  <a:cubicBezTo>
                    <a:pt x="30255" y="11978"/>
                    <a:pt x="30252" y="11978"/>
                    <a:pt x="30249" y="11978"/>
                  </a:cubicBezTo>
                  <a:cubicBezTo>
                    <a:pt x="30219" y="11978"/>
                    <a:pt x="30192" y="11999"/>
                    <a:pt x="30186" y="12029"/>
                  </a:cubicBezTo>
                  <a:cubicBezTo>
                    <a:pt x="30180" y="12064"/>
                    <a:pt x="30203" y="12097"/>
                    <a:pt x="30237" y="12103"/>
                  </a:cubicBezTo>
                  <a:lnTo>
                    <a:pt x="30259" y="12107"/>
                  </a:lnTo>
                  <a:cubicBezTo>
                    <a:pt x="30255" y="12106"/>
                    <a:pt x="30252" y="12106"/>
                    <a:pt x="30249" y="12106"/>
                  </a:cubicBezTo>
                  <a:cubicBezTo>
                    <a:pt x="30219" y="12106"/>
                    <a:pt x="30192" y="12127"/>
                    <a:pt x="30186" y="12157"/>
                  </a:cubicBezTo>
                  <a:cubicBezTo>
                    <a:pt x="30180" y="12192"/>
                    <a:pt x="30203" y="12224"/>
                    <a:pt x="30237" y="12231"/>
                  </a:cubicBezTo>
                  <a:lnTo>
                    <a:pt x="30259" y="12235"/>
                  </a:lnTo>
                  <a:cubicBezTo>
                    <a:pt x="30255" y="12234"/>
                    <a:pt x="30251" y="12234"/>
                    <a:pt x="30247" y="12234"/>
                  </a:cubicBezTo>
                  <a:cubicBezTo>
                    <a:pt x="30218" y="12234"/>
                    <a:pt x="30192" y="12255"/>
                    <a:pt x="30186" y="12285"/>
                  </a:cubicBezTo>
                  <a:cubicBezTo>
                    <a:pt x="30180" y="12319"/>
                    <a:pt x="30203" y="12352"/>
                    <a:pt x="30237" y="12358"/>
                  </a:cubicBezTo>
                  <a:lnTo>
                    <a:pt x="30259" y="12362"/>
                  </a:lnTo>
                  <a:cubicBezTo>
                    <a:pt x="30255" y="12362"/>
                    <a:pt x="30252" y="12362"/>
                    <a:pt x="30249" y="12362"/>
                  </a:cubicBezTo>
                  <a:cubicBezTo>
                    <a:pt x="30219" y="12362"/>
                    <a:pt x="30192" y="12382"/>
                    <a:pt x="30186" y="12413"/>
                  </a:cubicBezTo>
                  <a:cubicBezTo>
                    <a:pt x="30180" y="12447"/>
                    <a:pt x="30203" y="12480"/>
                    <a:pt x="30237" y="12486"/>
                  </a:cubicBezTo>
                  <a:lnTo>
                    <a:pt x="30259" y="12490"/>
                  </a:lnTo>
                  <a:cubicBezTo>
                    <a:pt x="30256" y="12490"/>
                    <a:pt x="30252" y="12490"/>
                    <a:pt x="30249" y="12490"/>
                  </a:cubicBezTo>
                  <a:cubicBezTo>
                    <a:pt x="30219" y="12490"/>
                    <a:pt x="30192" y="12510"/>
                    <a:pt x="30186" y="12540"/>
                  </a:cubicBezTo>
                  <a:cubicBezTo>
                    <a:pt x="30180" y="12574"/>
                    <a:pt x="30203" y="12607"/>
                    <a:pt x="30237" y="12613"/>
                  </a:cubicBezTo>
                  <a:lnTo>
                    <a:pt x="30259" y="12618"/>
                  </a:lnTo>
                  <a:cubicBezTo>
                    <a:pt x="30256" y="12617"/>
                    <a:pt x="30252" y="12617"/>
                    <a:pt x="30249" y="12617"/>
                  </a:cubicBezTo>
                  <a:cubicBezTo>
                    <a:pt x="30220" y="12617"/>
                    <a:pt x="30193" y="12637"/>
                    <a:pt x="30188" y="12668"/>
                  </a:cubicBezTo>
                  <a:cubicBezTo>
                    <a:pt x="30180" y="12702"/>
                    <a:pt x="30203" y="12735"/>
                    <a:pt x="30237" y="12742"/>
                  </a:cubicBezTo>
                  <a:lnTo>
                    <a:pt x="30259" y="12746"/>
                  </a:lnTo>
                  <a:cubicBezTo>
                    <a:pt x="30256" y="12745"/>
                    <a:pt x="30252" y="12745"/>
                    <a:pt x="30249" y="12745"/>
                  </a:cubicBezTo>
                  <a:cubicBezTo>
                    <a:pt x="30220" y="12745"/>
                    <a:pt x="30193" y="12766"/>
                    <a:pt x="30188" y="12795"/>
                  </a:cubicBezTo>
                  <a:cubicBezTo>
                    <a:pt x="30180" y="12831"/>
                    <a:pt x="30203" y="12863"/>
                    <a:pt x="30238" y="12870"/>
                  </a:cubicBezTo>
                  <a:lnTo>
                    <a:pt x="30259" y="12874"/>
                  </a:lnTo>
                  <a:cubicBezTo>
                    <a:pt x="30255" y="12873"/>
                    <a:pt x="30252" y="12873"/>
                    <a:pt x="30248" y="12873"/>
                  </a:cubicBezTo>
                  <a:cubicBezTo>
                    <a:pt x="30219" y="12873"/>
                    <a:pt x="30193" y="12894"/>
                    <a:pt x="30188" y="12924"/>
                  </a:cubicBezTo>
                  <a:cubicBezTo>
                    <a:pt x="30180" y="12958"/>
                    <a:pt x="30203" y="12991"/>
                    <a:pt x="30238" y="12997"/>
                  </a:cubicBezTo>
                  <a:lnTo>
                    <a:pt x="30260" y="13001"/>
                  </a:lnTo>
                  <a:cubicBezTo>
                    <a:pt x="30257" y="13001"/>
                    <a:pt x="30253" y="13000"/>
                    <a:pt x="30250" y="13000"/>
                  </a:cubicBezTo>
                  <a:cubicBezTo>
                    <a:pt x="30220" y="13000"/>
                    <a:pt x="30193" y="13021"/>
                    <a:pt x="30188" y="13052"/>
                  </a:cubicBezTo>
                  <a:cubicBezTo>
                    <a:pt x="30181" y="13086"/>
                    <a:pt x="30203" y="13119"/>
                    <a:pt x="30238" y="13125"/>
                  </a:cubicBezTo>
                  <a:lnTo>
                    <a:pt x="30260" y="13129"/>
                  </a:lnTo>
                  <a:cubicBezTo>
                    <a:pt x="30257" y="13129"/>
                    <a:pt x="30253" y="13128"/>
                    <a:pt x="30250" y="13128"/>
                  </a:cubicBezTo>
                  <a:cubicBezTo>
                    <a:pt x="30220" y="13128"/>
                    <a:pt x="30193" y="13149"/>
                    <a:pt x="30188" y="13180"/>
                  </a:cubicBezTo>
                  <a:cubicBezTo>
                    <a:pt x="30181" y="13214"/>
                    <a:pt x="30204" y="13247"/>
                    <a:pt x="30238" y="13253"/>
                  </a:cubicBezTo>
                  <a:lnTo>
                    <a:pt x="30260" y="13257"/>
                  </a:lnTo>
                  <a:cubicBezTo>
                    <a:pt x="30257" y="13257"/>
                    <a:pt x="30253" y="13257"/>
                    <a:pt x="30250" y="13257"/>
                  </a:cubicBezTo>
                  <a:cubicBezTo>
                    <a:pt x="30220" y="13257"/>
                    <a:pt x="30193" y="13277"/>
                    <a:pt x="30188" y="13307"/>
                  </a:cubicBezTo>
                  <a:cubicBezTo>
                    <a:pt x="30181" y="13341"/>
                    <a:pt x="30204" y="13374"/>
                    <a:pt x="30238" y="13380"/>
                  </a:cubicBezTo>
                  <a:lnTo>
                    <a:pt x="30260" y="13385"/>
                  </a:lnTo>
                  <a:cubicBezTo>
                    <a:pt x="30257" y="13384"/>
                    <a:pt x="30253" y="13384"/>
                    <a:pt x="30250" y="13384"/>
                  </a:cubicBezTo>
                  <a:cubicBezTo>
                    <a:pt x="30220" y="13384"/>
                    <a:pt x="30193" y="13404"/>
                    <a:pt x="30188" y="13435"/>
                  </a:cubicBezTo>
                  <a:cubicBezTo>
                    <a:pt x="30181" y="13469"/>
                    <a:pt x="30204" y="13502"/>
                    <a:pt x="30238" y="13509"/>
                  </a:cubicBezTo>
                  <a:lnTo>
                    <a:pt x="30260" y="13513"/>
                  </a:lnTo>
                  <a:cubicBezTo>
                    <a:pt x="30257" y="13512"/>
                    <a:pt x="30253" y="13512"/>
                    <a:pt x="30250" y="13512"/>
                  </a:cubicBezTo>
                  <a:cubicBezTo>
                    <a:pt x="30220" y="13512"/>
                    <a:pt x="30193" y="13533"/>
                    <a:pt x="30188" y="13563"/>
                  </a:cubicBezTo>
                  <a:cubicBezTo>
                    <a:pt x="30181" y="13598"/>
                    <a:pt x="30204" y="13631"/>
                    <a:pt x="30238" y="13637"/>
                  </a:cubicBezTo>
                  <a:lnTo>
                    <a:pt x="30260" y="13641"/>
                  </a:lnTo>
                  <a:cubicBezTo>
                    <a:pt x="30256" y="13640"/>
                    <a:pt x="30252" y="13640"/>
                    <a:pt x="30249" y="13640"/>
                  </a:cubicBezTo>
                  <a:cubicBezTo>
                    <a:pt x="30219" y="13640"/>
                    <a:pt x="30193" y="13661"/>
                    <a:pt x="30188" y="13691"/>
                  </a:cubicBezTo>
                  <a:cubicBezTo>
                    <a:pt x="30181" y="13725"/>
                    <a:pt x="30204" y="13758"/>
                    <a:pt x="30238" y="13764"/>
                  </a:cubicBezTo>
                  <a:lnTo>
                    <a:pt x="30260" y="13768"/>
                  </a:lnTo>
                  <a:cubicBezTo>
                    <a:pt x="30257" y="13768"/>
                    <a:pt x="30253" y="13767"/>
                    <a:pt x="30250" y="13767"/>
                  </a:cubicBezTo>
                  <a:cubicBezTo>
                    <a:pt x="30220" y="13767"/>
                    <a:pt x="30193" y="13788"/>
                    <a:pt x="30188" y="13819"/>
                  </a:cubicBezTo>
                  <a:cubicBezTo>
                    <a:pt x="30183" y="13839"/>
                    <a:pt x="30194" y="13858"/>
                    <a:pt x="30208" y="13872"/>
                  </a:cubicBezTo>
                  <a:cubicBezTo>
                    <a:pt x="29990" y="13972"/>
                    <a:pt x="29837" y="14190"/>
                    <a:pt x="29837" y="14446"/>
                  </a:cubicBezTo>
                  <a:lnTo>
                    <a:pt x="29837" y="15166"/>
                  </a:lnTo>
                  <a:lnTo>
                    <a:pt x="29837" y="15666"/>
                  </a:lnTo>
                  <a:cubicBezTo>
                    <a:pt x="29837" y="15736"/>
                    <a:pt x="29893" y="15793"/>
                    <a:pt x="29963" y="15795"/>
                  </a:cubicBezTo>
                  <a:lnTo>
                    <a:pt x="30422" y="15805"/>
                  </a:lnTo>
                  <a:cubicBezTo>
                    <a:pt x="30515" y="15808"/>
                    <a:pt x="30603" y="15849"/>
                    <a:pt x="30663" y="15920"/>
                  </a:cubicBezTo>
                  <a:lnTo>
                    <a:pt x="30881" y="16176"/>
                  </a:lnTo>
                  <a:cubicBezTo>
                    <a:pt x="31014" y="16332"/>
                    <a:pt x="31042" y="16550"/>
                    <a:pt x="30955" y="16735"/>
                  </a:cubicBezTo>
                  <a:lnTo>
                    <a:pt x="30879" y="16893"/>
                  </a:lnTo>
                  <a:cubicBezTo>
                    <a:pt x="30818" y="17021"/>
                    <a:pt x="30688" y="17103"/>
                    <a:pt x="30547" y="17103"/>
                  </a:cubicBezTo>
                  <a:cubicBezTo>
                    <a:pt x="30546" y="17103"/>
                    <a:pt x="30545" y="17103"/>
                    <a:pt x="30544" y="17103"/>
                  </a:cubicBezTo>
                  <a:lnTo>
                    <a:pt x="29915" y="17098"/>
                  </a:lnTo>
                  <a:cubicBezTo>
                    <a:pt x="29806" y="17097"/>
                    <a:pt x="29703" y="17049"/>
                    <a:pt x="29631" y="16966"/>
                  </a:cubicBezTo>
                  <a:lnTo>
                    <a:pt x="29398" y="16696"/>
                  </a:lnTo>
                  <a:cubicBezTo>
                    <a:pt x="29385" y="16681"/>
                    <a:pt x="29368" y="16675"/>
                    <a:pt x="29352" y="16675"/>
                  </a:cubicBezTo>
                  <a:cubicBezTo>
                    <a:pt x="29316" y="16675"/>
                    <a:pt x="29282" y="16706"/>
                    <a:pt x="29290" y="16748"/>
                  </a:cubicBezTo>
                  <a:lnTo>
                    <a:pt x="29362" y="17124"/>
                  </a:lnTo>
                  <a:cubicBezTo>
                    <a:pt x="29378" y="17213"/>
                    <a:pt x="29417" y="17297"/>
                    <a:pt x="29474" y="17367"/>
                  </a:cubicBezTo>
                  <a:lnTo>
                    <a:pt x="29519" y="17421"/>
                  </a:lnTo>
                  <a:cubicBezTo>
                    <a:pt x="29720" y="17668"/>
                    <a:pt x="30022" y="17811"/>
                    <a:pt x="30342" y="17811"/>
                  </a:cubicBezTo>
                  <a:lnTo>
                    <a:pt x="30484" y="17811"/>
                  </a:lnTo>
                  <a:cubicBezTo>
                    <a:pt x="30744" y="17811"/>
                    <a:pt x="30995" y="17716"/>
                    <a:pt x="31190" y="17543"/>
                  </a:cubicBezTo>
                  <a:cubicBezTo>
                    <a:pt x="31386" y="17368"/>
                    <a:pt x="31510" y="17129"/>
                    <a:pt x="31540" y="16869"/>
                  </a:cubicBezTo>
                  <a:lnTo>
                    <a:pt x="31583" y="16486"/>
                  </a:lnTo>
                  <a:cubicBezTo>
                    <a:pt x="31607" y="16275"/>
                    <a:pt x="31567" y="16062"/>
                    <a:pt x="31469" y="15874"/>
                  </a:cubicBezTo>
                  <a:lnTo>
                    <a:pt x="31099" y="15165"/>
                  </a:lnTo>
                  <a:lnTo>
                    <a:pt x="31099" y="14445"/>
                  </a:lnTo>
                  <a:cubicBezTo>
                    <a:pt x="31099" y="14190"/>
                    <a:pt x="30946" y="13970"/>
                    <a:pt x="30727" y="13871"/>
                  </a:cubicBezTo>
                  <a:cubicBezTo>
                    <a:pt x="30718" y="13860"/>
                    <a:pt x="30706" y="13851"/>
                    <a:pt x="30691" y="13848"/>
                  </a:cubicBezTo>
                  <a:lnTo>
                    <a:pt x="30669" y="13844"/>
                  </a:lnTo>
                  <a:lnTo>
                    <a:pt x="30669" y="13844"/>
                  </a:lnTo>
                  <a:cubicBezTo>
                    <a:pt x="30673" y="13844"/>
                    <a:pt x="30677" y="13845"/>
                    <a:pt x="30681" y="13845"/>
                  </a:cubicBezTo>
                  <a:cubicBezTo>
                    <a:pt x="30710" y="13845"/>
                    <a:pt x="30736" y="13824"/>
                    <a:pt x="30742" y="13794"/>
                  </a:cubicBezTo>
                  <a:cubicBezTo>
                    <a:pt x="30748" y="13760"/>
                    <a:pt x="30726" y="13727"/>
                    <a:pt x="30691" y="13721"/>
                  </a:cubicBezTo>
                  <a:lnTo>
                    <a:pt x="30669" y="13716"/>
                  </a:lnTo>
                  <a:lnTo>
                    <a:pt x="30669" y="13716"/>
                  </a:lnTo>
                  <a:cubicBezTo>
                    <a:pt x="30673" y="13717"/>
                    <a:pt x="30676" y="13717"/>
                    <a:pt x="30679" y="13717"/>
                  </a:cubicBezTo>
                  <a:cubicBezTo>
                    <a:pt x="30709" y="13717"/>
                    <a:pt x="30736" y="13696"/>
                    <a:pt x="30742" y="13666"/>
                  </a:cubicBezTo>
                  <a:cubicBezTo>
                    <a:pt x="30748" y="13632"/>
                    <a:pt x="30725" y="13599"/>
                    <a:pt x="30691" y="13592"/>
                  </a:cubicBezTo>
                  <a:lnTo>
                    <a:pt x="30669" y="13588"/>
                  </a:lnTo>
                  <a:lnTo>
                    <a:pt x="30669" y="13588"/>
                  </a:lnTo>
                  <a:cubicBezTo>
                    <a:pt x="30673" y="13589"/>
                    <a:pt x="30676" y="13589"/>
                    <a:pt x="30679" y="13589"/>
                  </a:cubicBezTo>
                  <a:cubicBezTo>
                    <a:pt x="30709" y="13589"/>
                    <a:pt x="30736" y="13568"/>
                    <a:pt x="30742" y="13539"/>
                  </a:cubicBezTo>
                  <a:cubicBezTo>
                    <a:pt x="30748" y="13503"/>
                    <a:pt x="30725" y="13471"/>
                    <a:pt x="30691" y="13464"/>
                  </a:cubicBezTo>
                  <a:lnTo>
                    <a:pt x="30670" y="13461"/>
                  </a:lnTo>
                  <a:lnTo>
                    <a:pt x="30670" y="13461"/>
                  </a:lnTo>
                  <a:cubicBezTo>
                    <a:pt x="30673" y="13462"/>
                    <a:pt x="30676" y="13462"/>
                    <a:pt x="30679" y="13462"/>
                  </a:cubicBezTo>
                  <a:cubicBezTo>
                    <a:pt x="30709" y="13462"/>
                    <a:pt x="30736" y="13441"/>
                    <a:pt x="30742" y="13410"/>
                  </a:cubicBezTo>
                  <a:cubicBezTo>
                    <a:pt x="30748" y="13376"/>
                    <a:pt x="30725" y="13343"/>
                    <a:pt x="30691" y="13337"/>
                  </a:cubicBezTo>
                  <a:lnTo>
                    <a:pt x="30669" y="13333"/>
                  </a:lnTo>
                  <a:lnTo>
                    <a:pt x="30669" y="13333"/>
                  </a:lnTo>
                  <a:cubicBezTo>
                    <a:pt x="30673" y="13333"/>
                    <a:pt x="30676" y="13334"/>
                    <a:pt x="30679" y="13334"/>
                  </a:cubicBezTo>
                  <a:cubicBezTo>
                    <a:pt x="30709" y="13334"/>
                    <a:pt x="30736" y="13313"/>
                    <a:pt x="30742" y="13282"/>
                  </a:cubicBezTo>
                  <a:cubicBezTo>
                    <a:pt x="30748" y="13248"/>
                    <a:pt x="30725" y="13215"/>
                    <a:pt x="30691" y="13209"/>
                  </a:cubicBezTo>
                  <a:lnTo>
                    <a:pt x="30669" y="13205"/>
                  </a:lnTo>
                  <a:lnTo>
                    <a:pt x="30669" y="13205"/>
                  </a:lnTo>
                  <a:cubicBezTo>
                    <a:pt x="30673" y="13205"/>
                    <a:pt x="30677" y="13206"/>
                    <a:pt x="30680" y="13206"/>
                  </a:cubicBezTo>
                  <a:cubicBezTo>
                    <a:pt x="30709" y="13206"/>
                    <a:pt x="30736" y="13185"/>
                    <a:pt x="30742" y="13155"/>
                  </a:cubicBezTo>
                  <a:cubicBezTo>
                    <a:pt x="30748" y="13121"/>
                    <a:pt x="30725" y="13088"/>
                    <a:pt x="30691" y="13081"/>
                  </a:cubicBezTo>
                  <a:lnTo>
                    <a:pt x="30671" y="13078"/>
                  </a:lnTo>
                  <a:lnTo>
                    <a:pt x="30671" y="13078"/>
                  </a:lnTo>
                  <a:cubicBezTo>
                    <a:pt x="30674" y="13078"/>
                    <a:pt x="30676" y="13078"/>
                    <a:pt x="30679" y="13078"/>
                  </a:cubicBezTo>
                  <a:cubicBezTo>
                    <a:pt x="30708" y="13078"/>
                    <a:pt x="30735" y="13058"/>
                    <a:pt x="30741" y="13027"/>
                  </a:cubicBezTo>
                  <a:cubicBezTo>
                    <a:pt x="30748" y="12993"/>
                    <a:pt x="30725" y="12960"/>
                    <a:pt x="30691" y="12954"/>
                  </a:cubicBezTo>
                  <a:lnTo>
                    <a:pt x="30669" y="12949"/>
                  </a:lnTo>
                  <a:lnTo>
                    <a:pt x="30669" y="12949"/>
                  </a:lnTo>
                  <a:cubicBezTo>
                    <a:pt x="30672" y="12950"/>
                    <a:pt x="30676" y="12950"/>
                    <a:pt x="30679" y="12950"/>
                  </a:cubicBezTo>
                  <a:cubicBezTo>
                    <a:pt x="30708" y="12950"/>
                    <a:pt x="30735" y="12929"/>
                    <a:pt x="30741" y="12899"/>
                  </a:cubicBezTo>
                  <a:cubicBezTo>
                    <a:pt x="30748" y="12865"/>
                    <a:pt x="30725" y="12832"/>
                    <a:pt x="30690" y="12825"/>
                  </a:cubicBezTo>
                  <a:lnTo>
                    <a:pt x="30668" y="12821"/>
                  </a:lnTo>
                  <a:lnTo>
                    <a:pt x="30668" y="12821"/>
                  </a:lnTo>
                  <a:cubicBezTo>
                    <a:pt x="30672" y="12822"/>
                    <a:pt x="30676" y="12822"/>
                    <a:pt x="30680" y="12822"/>
                  </a:cubicBezTo>
                  <a:cubicBezTo>
                    <a:pt x="30709" y="12822"/>
                    <a:pt x="30735" y="12802"/>
                    <a:pt x="30741" y="12772"/>
                  </a:cubicBezTo>
                  <a:cubicBezTo>
                    <a:pt x="30747" y="12737"/>
                    <a:pt x="30725" y="12704"/>
                    <a:pt x="30690" y="12698"/>
                  </a:cubicBezTo>
                  <a:lnTo>
                    <a:pt x="30668" y="12694"/>
                  </a:lnTo>
                  <a:lnTo>
                    <a:pt x="30668" y="12694"/>
                  </a:lnTo>
                  <a:cubicBezTo>
                    <a:pt x="30672" y="12695"/>
                    <a:pt x="30675" y="12695"/>
                    <a:pt x="30678" y="12695"/>
                  </a:cubicBezTo>
                  <a:cubicBezTo>
                    <a:pt x="30708" y="12695"/>
                    <a:pt x="30735" y="12674"/>
                    <a:pt x="30741" y="12643"/>
                  </a:cubicBezTo>
                  <a:cubicBezTo>
                    <a:pt x="30747" y="12609"/>
                    <a:pt x="30724" y="12576"/>
                    <a:pt x="30690" y="12570"/>
                  </a:cubicBezTo>
                  <a:lnTo>
                    <a:pt x="30668" y="12566"/>
                  </a:lnTo>
                  <a:lnTo>
                    <a:pt x="30668" y="12566"/>
                  </a:lnTo>
                  <a:cubicBezTo>
                    <a:pt x="30672" y="12566"/>
                    <a:pt x="30675" y="12567"/>
                    <a:pt x="30678" y="12567"/>
                  </a:cubicBezTo>
                  <a:cubicBezTo>
                    <a:pt x="30708" y="12567"/>
                    <a:pt x="30735" y="12546"/>
                    <a:pt x="30741" y="12516"/>
                  </a:cubicBezTo>
                  <a:cubicBezTo>
                    <a:pt x="30747" y="12482"/>
                    <a:pt x="30724" y="12449"/>
                    <a:pt x="30690" y="12442"/>
                  </a:cubicBezTo>
                  <a:lnTo>
                    <a:pt x="30669" y="12439"/>
                  </a:lnTo>
                  <a:lnTo>
                    <a:pt x="30669" y="12439"/>
                  </a:lnTo>
                  <a:cubicBezTo>
                    <a:pt x="30672" y="12439"/>
                    <a:pt x="30675" y="12440"/>
                    <a:pt x="30678" y="12440"/>
                  </a:cubicBezTo>
                  <a:cubicBezTo>
                    <a:pt x="30708" y="12440"/>
                    <a:pt x="30735" y="12419"/>
                    <a:pt x="30741" y="12388"/>
                  </a:cubicBezTo>
                  <a:cubicBezTo>
                    <a:pt x="30747" y="12354"/>
                    <a:pt x="30724" y="12321"/>
                    <a:pt x="30690" y="12315"/>
                  </a:cubicBezTo>
                  <a:lnTo>
                    <a:pt x="30668" y="12311"/>
                  </a:lnTo>
                  <a:lnTo>
                    <a:pt x="30668" y="12311"/>
                  </a:lnTo>
                  <a:cubicBezTo>
                    <a:pt x="30672" y="12311"/>
                    <a:pt x="30675" y="12311"/>
                    <a:pt x="30678" y="12311"/>
                  </a:cubicBezTo>
                  <a:cubicBezTo>
                    <a:pt x="30708" y="12311"/>
                    <a:pt x="30735" y="12291"/>
                    <a:pt x="30741" y="12260"/>
                  </a:cubicBezTo>
                  <a:cubicBezTo>
                    <a:pt x="30747" y="12226"/>
                    <a:pt x="30724" y="12193"/>
                    <a:pt x="30690" y="12187"/>
                  </a:cubicBezTo>
                  <a:lnTo>
                    <a:pt x="30668" y="12182"/>
                  </a:lnTo>
                  <a:lnTo>
                    <a:pt x="30668" y="12182"/>
                  </a:lnTo>
                  <a:cubicBezTo>
                    <a:pt x="30672" y="12183"/>
                    <a:pt x="30676" y="12183"/>
                    <a:pt x="30680" y="12183"/>
                  </a:cubicBezTo>
                  <a:cubicBezTo>
                    <a:pt x="30709" y="12183"/>
                    <a:pt x="30735" y="12163"/>
                    <a:pt x="30741" y="12133"/>
                  </a:cubicBezTo>
                  <a:cubicBezTo>
                    <a:pt x="30747" y="12099"/>
                    <a:pt x="30724" y="12066"/>
                    <a:pt x="30690" y="12059"/>
                  </a:cubicBezTo>
                  <a:lnTo>
                    <a:pt x="30668" y="12055"/>
                  </a:lnTo>
                  <a:lnTo>
                    <a:pt x="30668" y="12055"/>
                  </a:lnTo>
                  <a:cubicBezTo>
                    <a:pt x="30671" y="12056"/>
                    <a:pt x="30675" y="12056"/>
                    <a:pt x="30678" y="12056"/>
                  </a:cubicBezTo>
                  <a:cubicBezTo>
                    <a:pt x="30708" y="12056"/>
                    <a:pt x="30735" y="12035"/>
                    <a:pt x="30741" y="12005"/>
                  </a:cubicBezTo>
                  <a:cubicBezTo>
                    <a:pt x="30747" y="11971"/>
                    <a:pt x="30724" y="11937"/>
                    <a:pt x="30690" y="11931"/>
                  </a:cubicBezTo>
                  <a:lnTo>
                    <a:pt x="30668" y="11927"/>
                  </a:lnTo>
                  <a:lnTo>
                    <a:pt x="30668" y="11927"/>
                  </a:lnTo>
                  <a:cubicBezTo>
                    <a:pt x="30671" y="11928"/>
                    <a:pt x="30675" y="11928"/>
                    <a:pt x="30678" y="11928"/>
                  </a:cubicBezTo>
                  <a:cubicBezTo>
                    <a:pt x="30707" y="11928"/>
                    <a:pt x="30734" y="11907"/>
                    <a:pt x="30740" y="11877"/>
                  </a:cubicBezTo>
                  <a:cubicBezTo>
                    <a:pt x="30747" y="11843"/>
                    <a:pt x="30724" y="11810"/>
                    <a:pt x="30690" y="11803"/>
                  </a:cubicBezTo>
                  <a:lnTo>
                    <a:pt x="30670" y="11800"/>
                  </a:lnTo>
                  <a:lnTo>
                    <a:pt x="30670" y="11800"/>
                  </a:lnTo>
                  <a:cubicBezTo>
                    <a:pt x="30673" y="11801"/>
                    <a:pt x="30675" y="11801"/>
                    <a:pt x="30678" y="11801"/>
                  </a:cubicBezTo>
                  <a:cubicBezTo>
                    <a:pt x="30707" y="11801"/>
                    <a:pt x="30734" y="11780"/>
                    <a:pt x="30740" y="11749"/>
                  </a:cubicBezTo>
                  <a:cubicBezTo>
                    <a:pt x="30747" y="11715"/>
                    <a:pt x="30724" y="11682"/>
                    <a:pt x="30689" y="11676"/>
                  </a:cubicBezTo>
                  <a:lnTo>
                    <a:pt x="30667" y="11672"/>
                  </a:lnTo>
                  <a:lnTo>
                    <a:pt x="30667" y="11672"/>
                  </a:lnTo>
                  <a:cubicBezTo>
                    <a:pt x="30671" y="11672"/>
                    <a:pt x="30674" y="11673"/>
                    <a:pt x="30677" y="11673"/>
                  </a:cubicBezTo>
                  <a:cubicBezTo>
                    <a:pt x="30707" y="11673"/>
                    <a:pt x="30734" y="11652"/>
                    <a:pt x="30740" y="11621"/>
                  </a:cubicBezTo>
                  <a:cubicBezTo>
                    <a:pt x="30746" y="11587"/>
                    <a:pt x="30724" y="11554"/>
                    <a:pt x="30689" y="11548"/>
                  </a:cubicBezTo>
                  <a:lnTo>
                    <a:pt x="30667" y="11544"/>
                  </a:lnTo>
                  <a:lnTo>
                    <a:pt x="30667" y="11544"/>
                  </a:lnTo>
                  <a:cubicBezTo>
                    <a:pt x="30671" y="11544"/>
                    <a:pt x="30674" y="11544"/>
                    <a:pt x="30677" y="11544"/>
                  </a:cubicBezTo>
                  <a:cubicBezTo>
                    <a:pt x="30707" y="11544"/>
                    <a:pt x="30734" y="11524"/>
                    <a:pt x="30740" y="11494"/>
                  </a:cubicBezTo>
                  <a:cubicBezTo>
                    <a:pt x="30746" y="11460"/>
                    <a:pt x="30723" y="11427"/>
                    <a:pt x="30689" y="11421"/>
                  </a:cubicBezTo>
                  <a:lnTo>
                    <a:pt x="30667" y="11416"/>
                  </a:lnTo>
                  <a:lnTo>
                    <a:pt x="30667" y="11416"/>
                  </a:lnTo>
                  <a:cubicBezTo>
                    <a:pt x="30671" y="11417"/>
                    <a:pt x="30674" y="11417"/>
                    <a:pt x="30677" y="11417"/>
                  </a:cubicBezTo>
                  <a:cubicBezTo>
                    <a:pt x="30707" y="11417"/>
                    <a:pt x="30734" y="11397"/>
                    <a:pt x="30740" y="11366"/>
                  </a:cubicBezTo>
                  <a:cubicBezTo>
                    <a:pt x="30746" y="11332"/>
                    <a:pt x="30723" y="11299"/>
                    <a:pt x="30689" y="11292"/>
                  </a:cubicBezTo>
                  <a:lnTo>
                    <a:pt x="30667" y="11288"/>
                  </a:lnTo>
                  <a:lnTo>
                    <a:pt x="30667" y="11288"/>
                  </a:lnTo>
                  <a:cubicBezTo>
                    <a:pt x="30671" y="11289"/>
                    <a:pt x="30674" y="11289"/>
                    <a:pt x="30677" y="11289"/>
                  </a:cubicBezTo>
                  <a:cubicBezTo>
                    <a:pt x="30707" y="11289"/>
                    <a:pt x="30734" y="11268"/>
                    <a:pt x="30740" y="11238"/>
                  </a:cubicBezTo>
                  <a:cubicBezTo>
                    <a:pt x="30746" y="11204"/>
                    <a:pt x="30723" y="11170"/>
                    <a:pt x="30689" y="11164"/>
                  </a:cubicBezTo>
                  <a:lnTo>
                    <a:pt x="30667" y="11160"/>
                  </a:lnTo>
                  <a:lnTo>
                    <a:pt x="30667" y="11160"/>
                  </a:lnTo>
                  <a:cubicBezTo>
                    <a:pt x="30671" y="11161"/>
                    <a:pt x="30675" y="11161"/>
                    <a:pt x="30678" y="11161"/>
                  </a:cubicBezTo>
                  <a:cubicBezTo>
                    <a:pt x="30708" y="11161"/>
                    <a:pt x="30734" y="11140"/>
                    <a:pt x="30740" y="11110"/>
                  </a:cubicBezTo>
                  <a:cubicBezTo>
                    <a:pt x="30746" y="11076"/>
                    <a:pt x="30723" y="11043"/>
                    <a:pt x="30689" y="11037"/>
                  </a:cubicBezTo>
                  <a:lnTo>
                    <a:pt x="30667" y="11033"/>
                  </a:lnTo>
                  <a:lnTo>
                    <a:pt x="30667" y="11033"/>
                  </a:lnTo>
                  <a:cubicBezTo>
                    <a:pt x="30670" y="11033"/>
                    <a:pt x="30674" y="11034"/>
                    <a:pt x="30677" y="11034"/>
                  </a:cubicBezTo>
                  <a:cubicBezTo>
                    <a:pt x="30707" y="11034"/>
                    <a:pt x="30734" y="11013"/>
                    <a:pt x="30740" y="10982"/>
                  </a:cubicBezTo>
                  <a:cubicBezTo>
                    <a:pt x="30746" y="10948"/>
                    <a:pt x="30723" y="10915"/>
                    <a:pt x="30689" y="10909"/>
                  </a:cubicBezTo>
                  <a:lnTo>
                    <a:pt x="30667" y="10905"/>
                  </a:lnTo>
                  <a:lnTo>
                    <a:pt x="30667" y="10905"/>
                  </a:lnTo>
                  <a:cubicBezTo>
                    <a:pt x="30670" y="10905"/>
                    <a:pt x="30674" y="10906"/>
                    <a:pt x="30677" y="10906"/>
                  </a:cubicBezTo>
                  <a:cubicBezTo>
                    <a:pt x="30706" y="10906"/>
                    <a:pt x="30733" y="10885"/>
                    <a:pt x="30738" y="10855"/>
                  </a:cubicBezTo>
                  <a:cubicBezTo>
                    <a:pt x="30746" y="10820"/>
                    <a:pt x="30723" y="10788"/>
                    <a:pt x="30689" y="10781"/>
                  </a:cubicBezTo>
                  <a:lnTo>
                    <a:pt x="30667" y="10777"/>
                  </a:lnTo>
                  <a:lnTo>
                    <a:pt x="30667" y="10777"/>
                  </a:lnTo>
                  <a:cubicBezTo>
                    <a:pt x="30671" y="10777"/>
                    <a:pt x="30675" y="10778"/>
                    <a:pt x="30678" y="10778"/>
                  </a:cubicBezTo>
                  <a:cubicBezTo>
                    <a:pt x="30707" y="10778"/>
                    <a:pt x="30733" y="10757"/>
                    <a:pt x="30738" y="10727"/>
                  </a:cubicBezTo>
                  <a:cubicBezTo>
                    <a:pt x="30746" y="10693"/>
                    <a:pt x="30723" y="10660"/>
                    <a:pt x="30688" y="10654"/>
                  </a:cubicBezTo>
                  <a:lnTo>
                    <a:pt x="30666" y="10649"/>
                  </a:lnTo>
                  <a:lnTo>
                    <a:pt x="30666" y="10649"/>
                  </a:lnTo>
                  <a:cubicBezTo>
                    <a:pt x="30669" y="10650"/>
                    <a:pt x="30673" y="10650"/>
                    <a:pt x="30676" y="10650"/>
                  </a:cubicBezTo>
                  <a:cubicBezTo>
                    <a:pt x="30706" y="10650"/>
                    <a:pt x="30733" y="10630"/>
                    <a:pt x="30738" y="10599"/>
                  </a:cubicBezTo>
                  <a:cubicBezTo>
                    <a:pt x="30745" y="10565"/>
                    <a:pt x="30723" y="10532"/>
                    <a:pt x="30688" y="10525"/>
                  </a:cubicBezTo>
                  <a:lnTo>
                    <a:pt x="30666" y="10521"/>
                  </a:lnTo>
                  <a:lnTo>
                    <a:pt x="30666" y="10521"/>
                  </a:lnTo>
                  <a:cubicBezTo>
                    <a:pt x="30670" y="10522"/>
                    <a:pt x="30674" y="10522"/>
                    <a:pt x="30677" y="10522"/>
                  </a:cubicBezTo>
                  <a:cubicBezTo>
                    <a:pt x="30707" y="10522"/>
                    <a:pt x="30733" y="10501"/>
                    <a:pt x="30738" y="10472"/>
                  </a:cubicBezTo>
                  <a:cubicBezTo>
                    <a:pt x="30745" y="10438"/>
                    <a:pt x="30722" y="10404"/>
                    <a:pt x="30688" y="10398"/>
                  </a:cubicBezTo>
                  <a:lnTo>
                    <a:pt x="30666" y="10394"/>
                  </a:lnTo>
                  <a:lnTo>
                    <a:pt x="30666" y="10394"/>
                  </a:lnTo>
                  <a:cubicBezTo>
                    <a:pt x="30669" y="10395"/>
                    <a:pt x="30673" y="10395"/>
                    <a:pt x="30676" y="10395"/>
                  </a:cubicBezTo>
                  <a:cubicBezTo>
                    <a:pt x="30706" y="10395"/>
                    <a:pt x="30733" y="10374"/>
                    <a:pt x="30738" y="10343"/>
                  </a:cubicBezTo>
                  <a:cubicBezTo>
                    <a:pt x="30745" y="10309"/>
                    <a:pt x="30722" y="10276"/>
                    <a:pt x="30688" y="10270"/>
                  </a:cubicBezTo>
                  <a:lnTo>
                    <a:pt x="30666" y="10266"/>
                  </a:lnTo>
                  <a:lnTo>
                    <a:pt x="30666" y="10266"/>
                  </a:lnTo>
                  <a:cubicBezTo>
                    <a:pt x="30669" y="10266"/>
                    <a:pt x="30673" y="10267"/>
                    <a:pt x="30676" y="10267"/>
                  </a:cubicBezTo>
                  <a:cubicBezTo>
                    <a:pt x="30706" y="10267"/>
                    <a:pt x="30733" y="10246"/>
                    <a:pt x="30738" y="10216"/>
                  </a:cubicBezTo>
                  <a:cubicBezTo>
                    <a:pt x="30745" y="10181"/>
                    <a:pt x="30722" y="10149"/>
                    <a:pt x="30688" y="10142"/>
                  </a:cubicBezTo>
                  <a:lnTo>
                    <a:pt x="30667" y="10139"/>
                  </a:lnTo>
                  <a:lnTo>
                    <a:pt x="30667" y="10139"/>
                  </a:lnTo>
                  <a:cubicBezTo>
                    <a:pt x="30670" y="10139"/>
                    <a:pt x="30673" y="10140"/>
                    <a:pt x="30676" y="10140"/>
                  </a:cubicBezTo>
                  <a:cubicBezTo>
                    <a:pt x="30706" y="10140"/>
                    <a:pt x="30733" y="10119"/>
                    <a:pt x="30738" y="10088"/>
                  </a:cubicBezTo>
                  <a:cubicBezTo>
                    <a:pt x="30745" y="10054"/>
                    <a:pt x="30722" y="10021"/>
                    <a:pt x="30688" y="10015"/>
                  </a:cubicBezTo>
                  <a:lnTo>
                    <a:pt x="30666" y="10011"/>
                  </a:lnTo>
                  <a:lnTo>
                    <a:pt x="30666" y="10011"/>
                  </a:lnTo>
                  <a:cubicBezTo>
                    <a:pt x="30669" y="10011"/>
                    <a:pt x="30673" y="10011"/>
                    <a:pt x="30676" y="10011"/>
                  </a:cubicBezTo>
                  <a:cubicBezTo>
                    <a:pt x="30706" y="10011"/>
                    <a:pt x="30733" y="9991"/>
                    <a:pt x="30738" y="9960"/>
                  </a:cubicBezTo>
                  <a:cubicBezTo>
                    <a:pt x="30745" y="9926"/>
                    <a:pt x="30722" y="9894"/>
                    <a:pt x="30688" y="9887"/>
                  </a:cubicBezTo>
                  <a:lnTo>
                    <a:pt x="30666" y="9882"/>
                  </a:lnTo>
                  <a:lnTo>
                    <a:pt x="30666" y="9882"/>
                  </a:lnTo>
                  <a:cubicBezTo>
                    <a:pt x="30669" y="9883"/>
                    <a:pt x="30673" y="9883"/>
                    <a:pt x="30676" y="9883"/>
                  </a:cubicBezTo>
                  <a:cubicBezTo>
                    <a:pt x="30705" y="9883"/>
                    <a:pt x="30733" y="9863"/>
                    <a:pt x="30738" y="9833"/>
                  </a:cubicBezTo>
                  <a:cubicBezTo>
                    <a:pt x="30745" y="9799"/>
                    <a:pt x="30722" y="9766"/>
                    <a:pt x="30688" y="9759"/>
                  </a:cubicBezTo>
                  <a:lnTo>
                    <a:pt x="30666" y="9755"/>
                  </a:lnTo>
                  <a:lnTo>
                    <a:pt x="30666" y="9755"/>
                  </a:lnTo>
                  <a:cubicBezTo>
                    <a:pt x="30669" y="9756"/>
                    <a:pt x="30673" y="9756"/>
                    <a:pt x="30676" y="9756"/>
                  </a:cubicBezTo>
                  <a:cubicBezTo>
                    <a:pt x="30705" y="9756"/>
                    <a:pt x="30732" y="9735"/>
                    <a:pt x="30737" y="9705"/>
                  </a:cubicBezTo>
                  <a:cubicBezTo>
                    <a:pt x="30745" y="9671"/>
                    <a:pt x="30722" y="9637"/>
                    <a:pt x="30688" y="9631"/>
                  </a:cubicBezTo>
                  <a:lnTo>
                    <a:pt x="30666" y="9627"/>
                  </a:lnTo>
                  <a:lnTo>
                    <a:pt x="30666" y="9627"/>
                  </a:lnTo>
                  <a:cubicBezTo>
                    <a:pt x="30669" y="9628"/>
                    <a:pt x="30673" y="9628"/>
                    <a:pt x="30676" y="9628"/>
                  </a:cubicBezTo>
                  <a:cubicBezTo>
                    <a:pt x="30705" y="9628"/>
                    <a:pt x="30732" y="9607"/>
                    <a:pt x="30737" y="9578"/>
                  </a:cubicBezTo>
                  <a:cubicBezTo>
                    <a:pt x="30745" y="9543"/>
                    <a:pt x="30722" y="9510"/>
                    <a:pt x="30687" y="9504"/>
                  </a:cubicBezTo>
                  <a:lnTo>
                    <a:pt x="30665" y="9500"/>
                  </a:lnTo>
                  <a:lnTo>
                    <a:pt x="30665" y="9500"/>
                  </a:lnTo>
                  <a:cubicBezTo>
                    <a:pt x="30668" y="9501"/>
                    <a:pt x="30672" y="9501"/>
                    <a:pt x="30675" y="9501"/>
                  </a:cubicBezTo>
                  <a:cubicBezTo>
                    <a:pt x="30705" y="9501"/>
                    <a:pt x="30732" y="9480"/>
                    <a:pt x="30737" y="9449"/>
                  </a:cubicBezTo>
                  <a:cubicBezTo>
                    <a:pt x="30744" y="9415"/>
                    <a:pt x="30722" y="9382"/>
                    <a:pt x="30687" y="9376"/>
                  </a:cubicBezTo>
                  <a:lnTo>
                    <a:pt x="30665" y="9372"/>
                  </a:lnTo>
                  <a:lnTo>
                    <a:pt x="30665" y="9372"/>
                  </a:lnTo>
                  <a:cubicBezTo>
                    <a:pt x="30668" y="9372"/>
                    <a:pt x="30672" y="9373"/>
                    <a:pt x="30675" y="9373"/>
                  </a:cubicBezTo>
                  <a:cubicBezTo>
                    <a:pt x="30705" y="9373"/>
                    <a:pt x="30732" y="9352"/>
                    <a:pt x="30737" y="9321"/>
                  </a:cubicBezTo>
                  <a:cubicBezTo>
                    <a:pt x="30744" y="9287"/>
                    <a:pt x="30721" y="9254"/>
                    <a:pt x="30687" y="9248"/>
                  </a:cubicBezTo>
                  <a:lnTo>
                    <a:pt x="30665" y="9244"/>
                  </a:lnTo>
                  <a:lnTo>
                    <a:pt x="30665" y="9244"/>
                  </a:lnTo>
                  <a:cubicBezTo>
                    <a:pt x="30669" y="9244"/>
                    <a:pt x="30673" y="9245"/>
                    <a:pt x="30676" y="9245"/>
                  </a:cubicBezTo>
                  <a:cubicBezTo>
                    <a:pt x="30706" y="9245"/>
                    <a:pt x="30732" y="9223"/>
                    <a:pt x="30737" y="9194"/>
                  </a:cubicBezTo>
                  <a:cubicBezTo>
                    <a:pt x="30744" y="9160"/>
                    <a:pt x="30721" y="9127"/>
                    <a:pt x="30687" y="9121"/>
                  </a:cubicBezTo>
                  <a:lnTo>
                    <a:pt x="30665" y="9117"/>
                  </a:lnTo>
                  <a:lnTo>
                    <a:pt x="30665" y="9117"/>
                  </a:lnTo>
                  <a:cubicBezTo>
                    <a:pt x="30668" y="9117"/>
                    <a:pt x="30672" y="9117"/>
                    <a:pt x="30675" y="9117"/>
                  </a:cubicBezTo>
                  <a:cubicBezTo>
                    <a:pt x="30705" y="9117"/>
                    <a:pt x="30732" y="9097"/>
                    <a:pt x="30737" y="9066"/>
                  </a:cubicBezTo>
                  <a:cubicBezTo>
                    <a:pt x="30744" y="9032"/>
                    <a:pt x="30721" y="8999"/>
                    <a:pt x="30687" y="8992"/>
                  </a:cubicBezTo>
                  <a:lnTo>
                    <a:pt x="30665" y="8988"/>
                  </a:lnTo>
                  <a:lnTo>
                    <a:pt x="30665" y="8988"/>
                  </a:lnTo>
                  <a:cubicBezTo>
                    <a:pt x="30668" y="8989"/>
                    <a:pt x="30672" y="8989"/>
                    <a:pt x="30675" y="8989"/>
                  </a:cubicBezTo>
                  <a:cubicBezTo>
                    <a:pt x="30705" y="8989"/>
                    <a:pt x="30732" y="8969"/>
                    <a:pt x="30737" y="8939"/>
                  </a:cubicBezTo>
                  <a:cubicBezTo>
                    <a:pt x="30744" y="8904"/>
                    <a:pt x="30721" y="8872"/>
                    <a:pt x="30687" y="8864"/>
                  </a:cubicBezTo>
                  <a:lnTo>
                    <a:pt x="30665" y="8860"/>
                  </a:lnTo>
                  <a:lnTo>
                    <a:pt x="30665" y="8860"/>
                  </a:lnTo>
                  <a:cubicBezTo>
                    <a:pt x="30669" y="8861"/>
                    <a:pt x="30673" y="8861"/>
                    <a:pt x="30676" y="8861"/>
                  </a:cubicBezTo>
                  <a:cubicBezTo>
                    <a:pt x="30705" y="8861"/>
                    <a:pt x="30732" y="8841"/>
                    <a:pt x="30736" y="8811"/>
                  </a:cubicBezTo>
                  <a:cubicBezTo>
                    <a:pt x="30744" y="8776"/>
                    <a:pt x="30721" y="8743"/>
                    <a:pt x="30687" y="8737"/>
                  </a:cubicBezTo>
                  <a:lnTo>
                    <a:pt x="30665" y="8733"/>
                  </a:lnTo>
                  <a:lnTo>
                    <a:pt x="30665" y="8733"/>
                  </a:lnTo>
                  <a:cubicBezTo>
                    <a:pt x="30668" y="8734"/>
                    <a:pt x="30672" y="8734"/>
                    <a:pt x="30675" y="8734"/>
                  </a:cubicBezTo>
                  <a:cubicBezTo>
                    <a:pt x="30704" y="8734"/>
                    <a:pt x="30731" y="8713"/>
                    <a:pt x="30736" y="8682"/>
                  </a:cubicBezTo>
                  <a:cubicBezTo>
                    <a:pt x="30744" y="8648"/>
                    <a:pt x="30721" y="8615"/>
                    <a:pt x="30686" y="8609"/>
                  </a:cubicBezTo>
                  <a:lnTo>
                    <a:pt x="30664" y="8605"/>
                  </a:lnTo>
                  <a:lnTo>
                    <a:pt x="30664" y="8605"/>
                  </a:lnTo>
                  <a:cubicBezTo>
                    <a:pt x="30667" y="8605"/>
                    <a:pt x="30671" y="8606"/>
                    <a:pt x="30674" y="8606"/>
                  </a:cubicBezTo>
                  <a:cubicBezTo>
                    <a:pt x="30704" y="8606"/>
                    <a:pt x="30731" y="8585"/>
                    <a:pt x="30736" y="8555"/>
                  </a:cubicBezTo>
                  <a:cubicBezTo>
                    <a:pt x="30743" y="8521"/>
                    <a:pt x="30721" y="8488"/>
                    <a:pt x="30686" y="8482"/>
                  </a:cubicBezTo>
                  <a:lnTo>
                    <a:pt x="30664" y="8478"/>
                  </a:lnTo>
                  <a:lnTo>
                    <a:pt x="30664" y="8478"/>
                  </a:lnTo>
                  <a:cubicBezTo>
                    <a:pt x="30667" y="8478"/>
                    <a:pt x="30671" y="8478"/>
                    <a:pt x="30674" y="8478"/>
                  </a:cubicBezTo>
                  <a:cubicBezTo>
                    <a:pt x="30704" y="8478"/>
                    <a:pt x="30731" y="8458"/>
                    <a:pt x="30736" y="8427"/>
                  </a:cubicBezTo>
                  <a:cubicBezTo>
                    <a:pt x="30743" y="8393"/>
                    <a:pt x="30720" y="8360"/>
                    <a:pt x="30686" y="8354"/>
                  </a:cubicBezTo>
                  <a:lnTo>
                    <a:pt x="30664" y="8350"/>
                  </a:lnTo>
                  <a:lnTo>
                    <a:pt x="30664" y="8350"/>
                  </a:lnTo>
                  <a:cubicBezTo>
                    <a:pt x="30667" y="8350"/>
                    <a:pt x="30671" y="8350"/>
                    <a:pt x="30674" y="8350"/>
                  </a:cubicBezTo>
                  <a:cubicBezTo>
                    <a:pt x="30704" y="8350"/>
                    <a:pt x="30731" y="8330"/>
                    <a:pt x="30736" y="8299"/>
                  </a:cubicBezTo>
                  <a:cubicBezTo>
                    <a:pt x="30743" y="8265"/>
                    <a:pt x="30720" y="8232"/>
                    <a:pt x="30686" y="8225"/>
                  </a:cubicBezTo>
                  <a:lnTo>
                    <a:pt x="30664" y="8221"/>
                  </a:lnTo>
                  <a:lnTo>
                    <a:pt x="30664" y="8221"/>
                  </a:lnTo>
                  <a:cubicBezTo>
                    <a:pt x="30668" y="8222"/>
                    <a:pt x="30672" y="8222"/>
                    <a:pt x="30676" y="8222"/>
                  </a:cubicBezTo>
                  <a:cubicBezTo>
                    <a:pt x="30705" y="8222"/>
                    <a:pt x="30731" y="8202"/>
                    <a:pt x="30736" y="8172"/>
                  </a:cubicBezTo>
                  <a:cubicBezTo>
                    <a:pt x="30743" y="8138"/>
                    <a:pt x="30720" y="8105"/>
                    <a:pt x="30686" y="8098"/>
                  </a:cubicBezTo>
                  <a:lnTo>
                    <a:pt x="30664" y="8094"/>
                  </a:lnTo>
                  <a:lnTo>
                    <a:pt x="30664" y="8094"/>
                  </a:lnTo>
                  <a:cubicBezTo>
                    <a:pt x="30667" y="8095"/>
                    <a:pt x="30671" y="8095"/>
                    <a:pt x="30674" y="8095"/>
                  </a:cubicBezTo>
                  <a:cubicBezTo>
                    <a:pt x="30704" y="8095"/>
                    <a:pt x="30731" y="8074"/>
                    <a:pt x="30736" y="8044"/>
                  </a:cubicBezTo>
                  <a:cubicBezTo>
                    <a:pt x="30743" y="8009"/>
                    <a:pt x="30720" y="7976"/>
                    <a:pt x="30686" y="7970"/>
                  </a:cubicBezTo>
                  <a:lnTo>
                    <a:pt x="30664" y="7966"/>
                  </a:lnTo>
                  <a:lnTo>
                    <a:pt x="30664" y="7966"/>
                  </a:lnTo>
                  <a:cubicBezTo>
                    <a:pt x="30667" y="7967"/>
                    <a:pt x="30671" y="7967"/>
                    <a:pt x="30674" y="7967"/>
                  </a:cubicBezTo>
                  <a:cubicBezTo>
                    <a:pt x="30703" y="7967"/>
                    <a:pt x="30731" y="7946"/>
                    <a:pt x="30736" y="7916"/>
                  </a:cubicBezTo>
                  <a:cubicBezTo>
                    <a:pt x="30743" y="7882"/>
                    <a:pt x="30720" y="7849"/>
                    <a:pt x="30686" y="7843"/>
                  </a:cubicBezTo>
                  <a:lnTo>
                    <a:pt x="30664" y="7839"/>
                  </a:lnTo>
                  <a:lnTo>
                    <a:pt x="30664" y="7839"/>
                  </a:lnTo>
                  <a:cubicBezTo>
                    <a:pt x="30667" y="7839"/>
                    <a:pt x="30670" y="7839"/>
                    <a:pt x="30672" y="7839"/>
                  </a:cubicBezTo>
                  <a:cubicBezTo>
                    <a:pt x="30686" y="7839"/>
                    <a:pt x="30699" y="7835"/>
                    <a:pt x="30711" y="7828"/>
                  </a:cubicBezTo>
                  <a:lnTo>
                    <a:pt x="30825" y="7828"/>
                  </a:lnTo>
                  <a:cubicBezTo>
                    <a:pt x="30825" y="7829"/>
                    <a:pt x="30824" y="7830"/>
                    <a:pt x="30824" y="7831"/>
                  </a:cubicBezTo>
                  <a:cubicBezTo>
                    <a:pt x="30817" y="7865"/>
                    <a:pt x="30840" y="7898"/>
                    <a:pt x="30874" y="7904"/>
                  </a:cubicBezTo>
                  <a:lnTo>
                    <a:pt x="30896" y="7908"/>
                  </a:lnTo>
                  <a:cubicBezTo>
                    <a:pt x="30892" y="7908"/>
                    <a:pt x="30889" y="7907"/>
                    <a:pt x="30886" y="7907"/>
                  </a:cubicBezTo>
                  <a:cubicBezTo>
                    <a:pt x="30856" y="7907"/>
                    <a:pt x="30830" y="7928"/>
                    <a:pt x="30823" y="7958"/>
                  </a:cubicBezTo>
                  <a:cubicBezTo>
                    <a:pt x="30818" y="7986"/>
                    <a:pt x="30835" y="8008"/>
                    <a:pt x="30858" y="8022"/>
                  </a:cubicBezTo>
                  <a:cubicBezTo>
                    <a:pt x="30834" y="8031"/>
                    <a:pt x="30814" y="8052"/>
                    <a:pt x="30815" y="8080"/>
                  </a:cubicBezTo>
                  <a:cubicBezTo>
                    <a:pt x="30817" y="8114"/>
                    <a:pt x="30846" y="8133"/>
                    <a:pt x="30875" y="8152"/>
                  </a:cubicBezTo>
                  <a:lnTo>
                    <a:pt x="30891" y="8158"/>
                  </a:lnTo>
                  <a:cubicBezTo>
                    <a:pt x="30940" y="8183"/>
                    <a:pt x="30988" y="8189"/>
                    <a:pt x="31039" y="8189"/>
                  </a:cubicBezTo>
                  <a:cubicBezTo>
                    <a:pt x="31056" y="8189"/>
                    <a:pt x="31074" y="8188"/>
                    <a:pt x="31092" y="8187"/>
                  </a:cubicBezTo>
                  <a:cubicBezTo>
                    <a:pt x="31099" y="8187"/>
                    <a:pt x="31105" y="8187"/>
                    <a:pt x="31112" y="8186"/>
                  </a:cubicBezTo>
                  <a:cubicBezTo>
                    <a:pt x="31178" y="8183"/>
                    <a:pt x="31245" y="8170"/>
                    <a:pt x="31302" y="8137"/>
                  </a:cubicBezTo>
                  <a:lnTo>
                    <a:pt x="31319" y="8126"/>
                  </a:lnTo>
                  <a:cubicBezTo>
                    <a:pt x="31333" y="8116"/>
                    <a:pt x="31342" y="8109"/>
                    <a:pt x="31349" y="8102"/>
                  </a:cubicBezTo>
                  <a:cubicBezTo>
                    <a:pt x="31351" y="8101"/>
                    <a:pt x="31352" y="8099"/>
                    <a:pt x="31354" y="8098"/>
                  </a:cubicBezTo>
                  <a:cubicBezTo>
                    <a:pt x="31368" y="8086"/>
                    <a:pt x="31372" y="8078"/>
                    <a:pt x="31375" y="8064"/>
                  </a:cubicBezTo>
                  <a:cubicBezTo>
                    <a:pt x="31376" y="8063"/>
                    <a:pt x="31377" y="8063"/>
                    <a:pt x="31377" y="8061"/>
                  </a:cubicBezTo>
                  <a:cubicBezTo>
                    <a:pt x="31378" y="8060"/>
                    <a:pt x="31377" y="8059"/>
                    <a:pt x="31377" y="8058"/>
                  </a:cubicBezTo>
                  <a:cubicBezTo>
                    <a:pt x="31377" y="8056"/>
                    <a:pt x="31378" y="8055"/>
                    <a:pt x="31378" y="8053"/>
                  </a:cubicBezTo>
                  <a:cubicBezTo>
                    <a:pt x="31378" y="8049"/>
                    <a:pt x="31374" y="8047"/>
                    <a:pt x="31374" y="8043"/>
                  </a:cubicBezTo>
                  <a:cubicBezTo>
                    <a:pt x="31370" y="8017"/>
                    <a:pt x="31355" y="7993"/>
                    <a:pt x="31328" y="7988"/>
                  </a:cubicBezTo>
                  <a:lnTo>
                    <a:pt x="31306" y="7984"/>
                  </a:lnTo>
                  <a:lnTo>
                    <a:pt x="31306" y="7984"/>
                  </a:lnTo>
                  <a:cubicBezTo>
                    <a:pt x="31309" y="7984"/>
                    <a:pt x="31313" y="7984"/>
                    <a:pt x="31316" y="7984"/>
                  </a:cubicBezTo>
                  <a:cubicBezTo>
                    <a:pt x="31345" y="7984"/>
                    <a:pt x="31372" y="7964"/>
                    <a:pt x="31377" y="7934"/>
                  </a:cubicBezTo>
                  <a:cubicBezTo>
                    <a:pt x="31385" y="7900"/>
                    <a:pt x="31362" y="7867"/>
                    <a:pt x="31328" y="7860"/>
                  </a:cubicBezTo>
                  <a:lnTo>
                    <a:pt x="31306" y="7856"/>
                  </a:lnTo>
                  <a:lnTo>
                    <a:pt x="31306" y="7856"/>
                  </a:lnTo>
                  <a:cubicBezTo>
                    <a:pt x="31308" y="7857"/>
                    <a:pt x="31311" y="7857"/>
                    <a:pt x="31313" y="7857"/>
                  </a:cubicBezTo>
                  <a:cubicBezTo>
                    <a:pt x="31335" y="7857"/>
                    <a:pt x="31352" y="7844"/>
                    <a:pt x="31364" y="7828"/>
                  </a:cubicBezTo>
                  <a:lnTo>
                    <a:pt x="31488" y="7828"/>
                  </a:lnTo>
                  <a:cubicBezTo>
                    <a:pt x="31487" y="7829"/>
                    <a:pt x="31486" y="7830"/>
                    <a:pt x="31486" y="7831"/>
                  </a:cubicBezTo>
                  <a:cubicBezTo>
                    <a:pt x="31480" y="7865"/>
                    <a:pt x="31501" y="7898"/>
                    <a:pt x="31536" y="7904"/>
                  </a:cubicBezTo>
                  <a:lnTo>
                    <a:pt x="31558" y="7908"/>
                  </a:lnTo>
                  <a:cubicBezTo>
                    <a:pt x="31555" y="7908"/>
                    <a:pt x="31551" y="7907"/>
                    <a:pt x="31548" y="7907"/>
                  </a:cubicBezTo>
                  <a:cubicBezTo>
                    <a:pt x="31518" y="7907"/>
                    <a:pt x="31491" y="7928"/>
                    <a:pt x="31486" y="7958"/>
                  </a:cubicBezTo>
                  <a:cubicBezTo>
                    <a:pt x="31481" y="7986"/>
                    <a:pt x="31497" y="8008"/>
                    <a:pt x="31520" y="8021"/>
                  </a:cubicBezTo>
                  <a:cubicBezTo>
                    <a:pt x="31495" y="8031"/>
                    <a:pt x="31475" y="8051"/>
                    <a:pt x="31478" y="8079"/>
                  </a:cubicBezTo>
                  <a:cubicBezTo>
                    <a:pt x="31479" y="8114"/>
                    <a:pt x="31508" y="8133"/>
                    <a:pt x="31538" y="8152"/>
                  </a:cubicBezTo>
                  <a:lnTo>
                    <a:pt x="31553" y="8158"/>
                  </a:lnTo>
                  <a:cubicBezTo>
                    <a:pt x="31602" y="8183"/>
                    <a:pt x="31649" y="8189"/>
                    <a:pt x="31701" y="8189"/>
                  </a:cubicBezTo>
                  <a:cubicBezTo>
                    <a:pt x="31718" y="8189"/>
                    <a:pt x="31736" y="8188"/>
                    <a:pt x="31755" y="8187"/>
                  </a:cubicBezTo>
                  <a:cubicBezTo>
                    <a:pt x="31761" y="8187"/>
                    <a:pt x="31767" y="8186"/>
                    <a:pt x="31773" y="8186"/>
                  </a:cubicBezTo>
                  <a:cubicBezTo>
                    <a:pt x="31840" y="8183"/>
                    <a:pt x="31907" y="8170"/>
                    <a:pt x="31964" y="8137"/>
                  </a:cubicBezTo>
                  <a:lnTo>
                    <a:pt x="31982" y="8126"/>
                  </a:lnTo>
                  <a:cubicBezTo>
                    <a:pt x="31994" y="8116"/>
                    <a:pt x="32005" y="8109"/>
                    <a:pt x="32012" y="8102"/>
                  </a:cubicBezTo>
                  <a:cubicBezTo>
                    <a:pt x="32013" y="8101"/>
                    <a:pt x="32014" y="8099"/>
                    <a:pt x="32016" y="8098"/>
                  </a:cubicBezTo>
                  <a:cubicBezTo>
                    <a:pt x="32030" y="8086"/>
                    <a:pt x="32035" y="8078"/>
                    <a:pt x="32038" y="8064"/>
                  </a:cubicBezTo>
                  <a:cubicBezTo>
                    <a:pt x="32038" y="8063"/>
                    <a:pt x="32040" y="8063"/>
                    <a:pt x="32040" y="8061"/>
                  </a:cubicBezTo>
                  <a:cubicBezTo>
                    <a:pt x="32040" y="8060"/>
                    <a:pt x="32039" y="8059"/>
                    <a:pt x="32039" y="8058"/>
                  </a:cubicBezTo>
                  <a:cubicBezTo>
                    <a:pt x="32040" y="8056"/>
                    <a:pt x="32040" y="8055"/>
                    <a:pt x="32041" y="8053"/>
                  </a:cubicBezTo>
                  <a:cubicBezTo>
                    <a:pt x="32040" y="8049"/>
                    <a:pt x="32037" y="8047"/>
                    <a:pt x="32036" y="8043"/>
                  </a:cubicBezTo>
                  <a:cubicBezTo>
                    <a:pt x="32033" y="8017"/>
                    <a:pt x="32017" y="7993"/>
                    <a:pt x="31989" y="7988"/>
                  </a:cubicBezTo>
                  <a:lnTo>
                    <a:pt x="31968" y="7984"/>
                  </a:lnTo>
                  <a:lnTo>
                    <a:pt x="31968" y="7984"/>
                  </a:lnTo>
                  <a:cubicBezTo>
                    <a:pt x="31971" y="7984"/>
                    <a:pt x="31974" y="7984"/>
                    <a:pt x="31978" y="7984"/>
                  </a:cubicBezTo>
                  <a:cubicBezTo>
                    <a:pt x="32008" y="7984"/>
                    <a:pt x="32034" y="7964"/>
                    <a:pt x="32040" y="7934"/>
                  </a:cubicBezTo>
                  <a:cubicBezTo>
                    <a:pt x="32046" y="7900"/>
                    <a:pt x="32023" y="7867"/>
                    <a:pt x="31989" y="7860"/>
                  </a:cubicBezTo>
                  <a:lnTo>
                    <a:pt x="31969" y="7856"/>
                  </a:lnTo>
                  <a:lnTo>
                    <a:pt x="31969" y="7856"/>
                  </a:lnTo>
                  <a:cubicBezTo>
                    <a:pt x="31971" y="7857"/>
                    <a:pt x="31973" y="7857"/>
                    <a:pt x="31975" y="7857"/>
                  </a:cubicBezTo>
                  <a:cubicBezTo>
                    <a:pt x="31996" y="7857"/>
                    <a:pt x="32014" y="7844"/>
                    <a:pt x="32026" y="7828"/>
                  </a:cubicBezTo>
                  <a:lnTo>
                    <a:pt x="32149" y="7828"/>
                  </a:lnTo>
                  <a:cubicBezTo>
                    <a:pt x="32149" y="7829"/>
                    <a:pt x="32148" y="7830"/>
                    <a:pt x="32147" y="7831"/>
                  </a:cubicBezTo>
                  <a:cubicBezTo>
                    <a:pt x="32141" y="7865"/>
                    <a:pt x="32164" y="7898"/>
                    <a:pt x="32198" y="7904"/>
                  </a:cubicBezTo>
                  <a:lnTo>
                    <a:pt x="32220" y="7908"/>
                  </a:lnTo>
                  <a:cubicBezTo>
                    <a:pt x="32216" y="7908"/>
                    <a:pt x="32213" y="7907"/>
                    <a:pt x="32210" y="7907"/>
                  </a:cubicBezTo>
                  <a:cubicBezTo>
                    <a:pt x="32180" y="7907"/>
                    <a:pt x="32153" y="7928"/>
                    <a:pt x="32147" y="7958"/>
                  </a:cubicBezTo>
                  <a:cubicBezTo>
                    <a:pt x="32142" y="7986"/>
                    <a:pt x="32159" y="8008"/>
                    <a:pt x="32183" y="8021"/>
                  </a:cubicBezTo>
                  <a:cubicBezTo>
                    <a:pt x="32158" y="8031"/>
                    <a:pt x="32138" y="8051"/>
                    <a:pt x="32139" y="8079"/>
                  </a:cubicBezTo>
                  <a:cubicBezTo>
                    <a:pt x="32141" y="8114"/>
                    <a:pt x="32169" y="8133"/>
                    <a:pt x="32199" y="8152"/>
                  </a:cubicBezTo>
                  <a:lnTo>
                    <a:pt x="32215" y="8158"/>
                  </a:lnTo>
                  <a:cubicBezTo>
                    <a:pt x="32264" y="8183"/>
                    <a:pt x="32312" y="8189"/>
                    <a:pt x="32363" y="8189"/>
                  </a:cubicBezTo>
                  <a:cubicBezTo>
                    <a:pt x="32380" y="8189"/>
                    <a:pt x="32398" y="8188"/>
                    <a:pt x="32416" y="8187"/>
                  </a:cubicBezTo>
                  <a:cubicBezTo>
                    <a:pt x="32423" y="8187"/>
                    <a:pt x="32430" y="8186"/>
                    <a:pt x="32436" y="8186"/>
                  </a:cubicBezTo>
                  <a:cubicBezTo>
                    <a:pt x="32502" y="8183"/>
                    <a:pt x="32568" y="8170"/>
                    <a:pt x="32626" y="8137"/>
                  </a:cubicBezTo>
                  <a:lnTo>
                    <a:pt x="32644" y="8126"/>
                  </a:lnTo>
                  <a:cubicBezTo>
                    <a:pt x="32657" y="8116"/>
                    <a:pt x="32666" y="8109"/>
                    <a:pt x="32674" y="8102"/>
                  </a:cubicBezTo>
                  <a:cubicBezTo>
                    <a:pt x="32676" y="8101"/>
                    <a:pt x="32676" y="8099"/>
                    <a:pt x="32678" y="8098"/>
                  </a:cubicBezTo>
                  <a:cubicBezTo>
                    <a:pt x="32692" y="8086"/>
                    <a:pt x="32696" y="8078"/>
                    <a:pt x="32699" y="8064"/>
                  </a:cubicBezTo>
                  <a:cubicBezTo>
                    <a:pt x="32700" y="8063"/>
                    <a:pt x="32701" y="8063"/>
                    <a:pt x="32701" y="8061"/>
                  </a:cubicBezTo>
                  <a:cubicBezTo>
                    <a:pt x="32701" y="8060"/>
                    <a:pt x="32700" y="8059"/>
                    <a:pt x="32701" y="8058"/>
                  </a:cubicBezTo>
                  <a:cubicBezTo>
                    <a:pt x="32701" y="8056"/>
                    <a:pt x="32701" y="8055"/>
                    <a:pt x="32702" y="8053"/>
                  </a:cubicBezTo>
                  <a:cubicBezTo>
                    <a:pt x="32702" y="8049"/>
                    <a:pt x="32698" y="8047"/>
                    <a:pt x="32697" y="8043"/>
                  </a:cubicBezTo>
                  <a:cubicBezTo>
                    <a:pt x="32694" y="8017"/>
                    <a:pt x="32679" y="7993"/>
                    <a:pt x="32651" y="7988"/>
                  </a:cubicBezTo>
                  <a:lnTo>
                    <a:pt x="32629" y="7984"/>
                  </a:lnTo>
                  <a:lnTo>
                    <a:pt x="32629" y="7984"/>
                  </a:lnTo>
                  <a:cubicBezTo>
                    <a:pt x="32632" y="7984"/>
                    <a:pt x="32636" y="7984"/>
                    <a:pt x="32639" y="7984"/>
                  </a:cubicBezTo>
                  <a:cubicBezTo>
                    <a:pt x="32669" y="7984"/>
                    <a:pt x="32696" y="7964"/>
                    <a:pt x="32701" y="7934"/>
                  </a:cubicBezTo>
                  <a:cubicBezTo>
                    <a:pt x="32708" y="7900"/>
                    <a:pt x="32685" y="7867"/>
                    <a:pt x="32651" y="7860"/>
                  </a:cubicBezTo>
                  <a:lnTo>
                    <a:pt x="32630" y="7856"/>
                  </a:lnTo>
                  <a:lnTo>
                    <a:pt x="32630" y="7856"/>
                  </a:lnTo>
                  <a:cubicBezTo>
                    <a:pt x="32633" y="7857"/>
                    <a:pt x="32635" y="7857"/>
                    <a:pt x="32637" y="7857"/>
                  </a:cubicBezTo>
                  <a:cubicBezTo>
                    <a:pt x="32658" y="7857"/>
                    <a:pt x="32676" y="7845"/>
                    <a:pt x="32688" y="7828"/>
                  </a:cubicBezTo>
                  <a:lnTo>
                    <a:pt x="32811" y="7828"/>
                  </a:lnTo>
                  <a:cubicBezTo>
                    <a:pt x="32811" y="7829"/>
                    <a:pt x="32810" y="7830"/>
                    <a:pt x="32809" y="7831"/>
                  </a:cubicBezTo>
                  <a:cubicBezTo>
                    <a:pt x="32803" y="7865"/>
                    <a:pt x="32825" y="7898"/>
                    <a:pt x="32860" y="7904"/>
                  </a:cubicBezTo>
                  <a:lnTo>
                    <a:pt x="32881" y="7908"/>
                  </a:lnTo>
                  <a:cubicBezTo>
                    <a:pt x="32878" y="7908"/>
                    <a:pt x="32875" y="7907"/>
                    <a:pt x="32871" y="7907"/>
                  </a:cubicBezTo>
                  <a:cubicBezTo>
                    <a:pt x="32841" y="7907"/>
                    <a:pt x="32815" y="7928"/>
                    <a:pt x="32809" y="7958"/>
                  </a:cubicBezTo>
                  <a:cubicBezTo>
                    <a:pt x="32804" y="7986"/>
                    <a:pt x="32820" y="8008"/>
                    <a:pt x="32844" y="8022"/>
                  </a:cubicBezTo>
                  <a:cubicBezTo>
                    <a:pt x="32819" y="8031"/>
                    <a:pt x="32800" y="8052"/>
                    <a:pt x="32801" y="8080"/>
                  </a:cubicBezTo>
                  <a:cubicBezTo>
                    <a:pt x="32803" y="8114"/>
                    <a:pt x="32831" y="8133"/>
                    <a:pt x="32861" y="8152"/>
                  </a:cubicBezTo>
                  <a:lnTo>
                    <a:pt x="32876" y="8158"/>
                  </a:lnTo>
                  <a:cubicBezTo>
                    <a:pt x="32926" y="8183"/>
                    <a:pt x="32973" y="8189"/>
                    <a:pt x="33024" y="8189"/>
                  </a:cubicBezTo>
                  <a:cubicBezTo>
                    <a:pt x="33041" y="8189"/>
                    <a:pt x="33059" y="8188"/>
                    <a:pt x="33078" y="8187"/>
                  </a:cubicBezTo>
                  <a:cubicBezTo>
                    <a:pt x="33085" y="8187"/>
                    <a:pt x="33091" y="8187"/>
                    <a:pt x="33097" y="8186"/>
                  </a:cubicBezTo>
                  <a:cubicBezTo>
                    <a:pt x="33163" y="8183"/>
                    <a:pt x="33231" y="8170"/>
                    <a:pt x="33288" y="8138"/>
                  </a:cubicBezTo>
                  <a:lnTo>
                    <a:pt x="33305" y="8126"/>
                  </a:lnTo>
                  <a:cubicBezTo>
                    <a:pt x="33319" y="8116"/>
                    <a:pt x="33328" y="8109"/>
                    <a:pt x="33335" y="8102"/>
                  </a:cubicBezTo>
                  <a:cubicBezTo>
                    <a:pt x="33337" y="8101"/>
                    <a:pt x="33338" y="8099"/>
                    <a:pt x="33339" y="8098"/>
                  </a:cubicBezTo>
                  <a:cubicBezTo>
                    <a:pt x="33354" y="8086"/>
                    <a:pt x="33358" y="8078"/>
                    <a:pt x="33361" y="8065"/>
                  </a:cubicBezTo>
                  <a:cubicBezTo>
                    <a:pt x="33362" y="8063"/>
                    <a:pt x="33363" y="8063"/>
                    <a:pt x="33363" y="8061"/>
                  </a:cubicBezTo>
                  <a:cubicBezTo>
                    <a:pt x="33364" y="8060"/>
                    <a:pt x="33363" y="8059"/>
                    <a:pt x="33363" y="8058"/>
                  </a:cubicBezTo>
                  <a:cubicBezTo>
                    <a:pt x="33363" y="8056"/>
                    <a:pt x="33364" y="8055"/>
                    <a:pt x="33364" y="8053"/>
                  </a:cubicBezTo>
                  <a:cubicBezTo>
                    <a:pt x="33364" y="8049"/>
                    <a:pt x="33360" y="8047"/>
                    <a:pt x="33360" y="8043"/>
                  </a:cubicBezTo>
                  <a:cubicBezTo>
                    <a:pt x="33356" y="8017"/>
                    <a:pt x="33340" y="7993"/>
                    <a:pt x="33313" y="7988"/>
                  </a:cubicBezTo>
                  <a:lnTo>
                    <a:pt x="33292" y="7984"/>
                  </a:lnTo>
                  <a:lnTo>
                    <a:pt x="33292" y="7984"/>
                  </a:lnTo>
                  <a:cubicBezTo>
                    <a:pt x="33295" y="7984"/>
                    <a:pt x="33298" y="7984"/>
                    <a:pt x="33301" y="7984"/>
                  </a:cubicBezTo>
                  <a:cubicBezTo>
                    <a:pt x="33331" y="7984"/>
                    <a:pt x="33358" y="7964"/>
                    <a:pt x="33364" y="7934"/>
                  </a:cubicBezTo>
                  <a:cubicBezTo>
                    <a:pt x="33370" y="7900"/>
                    <a:pt x="33347" y="7867"/>
                    <a:pt x="33313" y="7860"/>
                  </a:cubicBezTo>
                  <a:lnTo>
                    <a:pt x="33292" y="7856"/>
                  </a:lnTo>
                  <a:lnTo>
                    <a:pt x="33292" y="7856"/>
                  </a:lnTo>
                  <a:cubicBezTo>
                    <a:pt x="33294" y="7857"/>
                    <a:pt x="33296" y="7857"/>
                    <a:pt x="33299" y="7857"/>
                  </a:cubicBezTo>
                  <a:cubicBezTo>
                    <a:pt x="33320" y="7857"/>
                    <a:pt x="33337" y="7844"/>
                    <a:pt x="33350" y="7828"/>
                  </a:cubicBezTo>
                  <a:lnTo>
                    <a:pt x="33474" y="7828"/>
                  </a:lnTo>
                  <a:cubicBezTo>
                    <a:pt x="33473" y="7829"/>
                    <a:pt x="33472" y="7830"/>
                    <a:pt x="33472" y="7831"/>
                  </a:cubicBezTo>
                  <a:cubicBezTo>
                    <a:pt x="33465" y="7865"/>
                    <a:pt x="33488" y="7898"/>
                    <a:pt x="33522" y="7904"/>
                  </a:cubicBezTo>
                  <a:lnTo>
                    <a:pt x="33544" y="7908"/>
                  </a:lnTo>
                  <a:cubicBezTo>
                    <a:pt x="33541" y="7908"/>
                    <a:pt x="33537" y="7907"/>
                    <a:pt x="33534" y="7907"/>
                  </a:cubicBezTo>
                  <a:cubicBezTo>
                    <a:pt x="33504" y="7907"/>
                    <a:pt x="33477" y="7928"/>
                    <a:pt x="33472" y="7958"/>
                  </a:cubicBezTo>
                  <a:cubicBezTo>
                    <a:pt x="33466" y="7986"/>
                    <a:pt x="33483" y="8008"/>
                    <a:pt x="33506" y="8021"/>
                  </a:cubicBezTo>
                  <a:cubicBezTo>
                    <a:pt x="33481" y="8031"/>
                    <a:pt x="33461" y="8051"/>
                    <a:pt x="33463" y="8079"/>
                  </a:cubicBezTo>
                  <a:cubicBezTo>
                    <a:pt x="33464" y="8114"/>
                    <a:pt x="33493" y="8133"/>
                    <a:pt x="33523" y="8152"/>
                  </a:cubicBezTo>
                  <a:lnTo>
                    <a:pt x="33539" y="8158"/>
                  </a:lnTo>
                  <a:cubicBezTo>
                    <a:pt x="33587" y="8183"/>
                    <a:pt x="33635" y="8189"/>
                    <a:pt x="33686" y="8189"/>
                  </a:cubicBezTo>
                  <a:cubicBezTo>
                    <a:pt x="33704" y="8189"/>
                    <a:pt x="33722" y="8188"/>
                    <a:pt x="33740" y="8187"/>
                  </a:cubicBezTo>
                  <a:cubicBezTo>
                    <a:pt x="33746" y="8187"/>
                    <a:pt x="33753" y="8186"/>
                    <a:pt x="33759" y="8186"/>
                  </a:cubicBezTo>
                  <a:cubicBezTo>
                    <a:pt x="33826" y="8183"/>
                    <a:pt x="33892" y="8170"/>
                    <a:pt x="33950" y="8137"/>
                  </a:cubicBezTo>
                  <a:lnTo>
                    <a:pt x="33968" y="8126"/>
                  </a:lnTo>
                  <a:cubicBezTo>
                    <a:pt x="33980" y="8116"/>
                    <a:pt x="33990" y="8109"/>
                    <a:pt x="33998" y="8102"/>
                  </a:cubicBezTo>
                  <a:cubicBezTo>
                    <a:pt x="33999" y="8101"/>
                    <a:pt x="34000" y="8099"/>
                    <a:pt x="34002" y="8098"/>
                  </a:cubicBezTo>
                  <a:cubicBezTo>
                    <a:pt x="34015" y="8086"/>
                    <a:pt x="34020" y="8078"/>
                    <a:pt x="34024" y="8064"/>
                  </a:cubicBezTo>
                  <a:cubicBezTo>
                    <a:pt x="34024" y="8063"/>
                    <a:pt x="34026" y="8063"/>
                    <a:pt x="34026" y="8061"/>
                  </a:cubicBezTo>
                  <a:cubicBezTo>
                    <a:pt x="34026" y="8060"/>
                    <a:pt x="34025" y="8059"/>
                    <a:pt x="34025" y="8058"/>
                  </a:cubicBezTo>
                  <a:cubicBezTo>
                    <a:pt x="34026" y="8056"/>
                    <a:pt x="34026" y="8055"/>
                    <a:pt x="34027" y="8053"/>
                  </a:cubicBezTo>
                  <a:cubicBezTo>
                    <a:pt x="34026" y="8049"/>
                    <a:pt x="34022" y="8047"/>
                    <a:pt x="34021" y="8043"/>
                  </a:cubicBezTo>
                  <a:cubicBezTo>
                    <a:pt x="34018" y="8017"/>
                    <a:pt x="34003" y="7993"/>
                    <a:pt x="33975" y="7988"/>
                  </a:cubicBezTo>
                  <a:lnTo>
                    <a:pt x="33953" y="7984"/>
                  </a:lnTo>
                  <a:lnTo>
                    <a:pt x="33953" y="7984"/>
                  </a:lnTo>
                  <a:cubicBezTo>
                    <a:pt x="33957" y="7984"/>
                    <a:pt x="33960" y="7984"/>
                    <a:pt x="33963" y="7984"/>
                  </a:cubicBezTo>
                  <a:cubicBezTo>
                    <a:pt x="33993" y="7984"/>
                    <a:pt x="34020" y="7964"/>
                    <a:pt x="34026" y="7934"/>
                  </a:cubicBezTo>
                  <a:cubicBezTo>
                    <a:pt x="34032" y="7900"/>
                    <a:pt x="34009" y="7867"/>
                    <a:pt x="33975" y="7860"/>
                  </a:cubicBezTo>
                  <a:lnTo>
                    <a:pt x="33953" y="7856"/>
                  </a:lnTo>
                  <a:lnTo>
                    <a:pt x="33953" y="7856"/>
                  </a:lnTo>
                  <a:cubicBezTo>
                    <a:pt x="33956" y="7857"/>
                    <a:pt x="33958" y="7857"/>
                    <a:pt x="33961" y="7857"/>
                  </a:cubicBezTo>
                  <a:cubicBezTo>
                    <a:pt x="33982" y="7857"/>
                    <a:pt x="33999" y="7845"/>
                    <a:pt x="34011" y="7828"/>
                  </a:cubicBezTo>
                  <a:lnTo>
                    <a:pt x="34135" y="7828"/>
                  </a:lnTo>
                  <a:cubicBezTo>
                    <a:pt x="34135" y="7829"/>
                    <a:pt x="34133" y="7830"/>
                    <a:pt x="34133" y="7831"/>
                  </a:cubicBezTo>
                  <a:cubicBezTo>
                    <a:pt x="34127" y="7865"/>
                    <a:pt x="34150" y="7898"/>
                    <a:pt x="34184" y="7904"/>
                  </a:cubicBezTo>
                  <a:lnTo>
                    <a:pt x="34205" y="7908"/>
                  </a:lnTo>
                  <a:cubicBezTo>
                    <a:pt x="34202" y="7908"/>
                    <a:pt x="34199" y="7907"/>
                    <a:pt x="34195" y="7907"/>
                  </a:cubicBezTo>
                  <a:cubicBezTo>
                    <a:pt x="34165" y="7907"/>
                    <a:pt x="34139" y="7928"/>
                    <a:pt x="34133" y="7958"/>
                  </a:cubicBezTo>
                  <a:cubicBezTo>
                    <a:pt x="34128" y="7986"/>
                    <a:pt x="34144" y="8008"/>
                    <a:pt x="34168" y="8022"/>
                  </a:cubicBezTo>
                  <a:cubicBezTo>
                    <a:pt x="34143" y="8031"/>
                    <a:pt x="34124" y="8052"/>
                    <a:pt x="34125" y="8080"/>
                  </a:cubicBezTo>
                  <a:cubicBezTo>
                    <a:pt x="34127" y="8114"/>
                    <a:pt x="34155" y="8133"/>
                    <a:pt x="34185" y="8152"/>
                  </a:cubicBezTo>
                  <a:lnTo>
                    <a:pt x="34200" y="8158"/>
                  </a:lnTo>
                  <a:cubicBezTo>
                    <a:pt x="34249" y="8183"/>
                    <a:pt x="34296" y="8189"/>
                    <a:pt x="34348" y="8189"/>
                  </a:cubicBezTo>
                  <a:cubicBezTo>
                    <a:pt x="34365" y="8189"/>
                    <a:pt x="34383" y="8188"/>
                    <a:pt x="34402" y="8187"/>
                  </a:cubicBezTo>
                  <a:cubicBezTo>
                    <a:pt x="34408" y="8187"/>
                    <a:pt x="34415" y="8187"/>
                    <a:pt x="34421" y="8186"/>
                  </a:cubicBezTo>
                  <a:cubicBezTo>
                    <a:pt x="34488" y="8183"/>
                    <a:pt x="34554" y="8170"/>
                    <a:pt x="34612" y="8138"/>
                  </a:cubicBezTo>
                  <a:lnTo>
                    <a:pt x="34629" y="8126"/>
                  </a:lnTo>
                  <a:cubicBezTo>
                    <a:pt x="34643" y="8116"/>
                    <a:pt x="34652" y="8109"/>
                    <a:pt x="34659" y="8102"/>
                  </a:cubicBezTo>
                  <a:cubicBezTo>
                    <a:pt x="34661" y="8101"/>
                    <a:pt x="34662" y="8099"/>
                    <a:pt x="34663" y="8098"/>
                  </a:cubicBezTo>
                  <a:cubicBezTo>
                    <a:pt x="34678" y="8086"/>
                    <a:pt x="34682" y="8078"/>
                    <a:pt x="34685" y="8064"/>
                  </a:cubicBezTo>
                  <a:cubicBezTo>
                    <a:pt x="34686" y="8063"/>
                    <a:pt x="34687" y="8063"/>
                    <a:pt x="34687" y="8061"/>
                  </a:cubicBezTo>
                  <a:cubicBezTo>
                    <a:pt x="34688" y="8060"/>
                    <a:pt x="34687" y="8059"/>
                    <a:pt x="34687" y="8058"/>
                  </a:cubicBezTo>
                  <a:cubicBezTo>
                    <a:pt x="34687" y="8056"/>
                    <a:pt x="34687" y="8055"/>
                    <a:pt x="34688" y="8052"/>
                  </a:cubicBezTo>
                  <a:cubicBezTo>
                    <a:pt x="34688" y="8049"/>
                    <a:pt x="34684" y="8046"/>
                    <a:pt x="34683" y="8043"/>
                  </a:cubicBezTo>
                  <a:cubicBezTo>
                    <a:pt x="34680" y="8017"/>
                    <a:pt x="34664" y="7993"/>
                    <a:pt x="34636" y="7988"/>
                  </a:cubicBezTo>
                  <a:lnTo>
                    <a:pt x="34615" y="7984"/>
                  </a:lnTo>
                  <a:lnTo>
                    <a:pt x="34615" y="7984"/>
                  </a:lnTo>
                  <a:cubicBezTo>
                    <a:pt x="34618" y="7984"/>
                    <a:pt x="34622" y="7984"/>
                    <a:pt x="34625" y="7984"/>
                  </a:cubicBezTo>
                  <a:cubicBezTo>
                    <a:pt x="34655" y="7984"/>
                    <a:pt x="34682" y="7964"/>
                    <a:pt x="34687" y="7934"/>
                  </a:cubicBezTo>
                  <a:cubicBezTo>
                    <a:pt x="34693" y="7900"/>
                    <a:pt x="34672" y="7867"/>
                    <a:pt x="34636" y="7860"/>
                  </a:cubicBezTo>
                  <a:lnTo>
                    <a:pt x="34616" y="7856"/>
                  </a:lnTo>
                  <a:lnTo>
                    <a:pt x="34616" y="7856"/>
                  </a:lnTo>
                  <a:cubicBezTo>
                    <a:pt x="34618" y="7857"/>
                    <a:pt x="34621" y="7857"/>
                    <a:pt x="34623" y="7857"/>
                  </a:cubicBezTo>
                  <a:cubicBezTo>
                    <a:pt x="34645" y="7857"/>
                    <a:pt x="34662" y="7845"/>
                    <a:pt x="34674" y="7828"/>
                  </a:cubicBezTo>
                  <a:lnTo>
                    <a:pt x="34797" y="7828"/>
                  </a:lnTo>
                  <a:cubicBezTo>
                    <a:pt x="34797" y="7829"/>
                    <a:pt x="34796" y="7830"/>
                    <a:pt x="34796" y="7831"/>
                  </a:cubicBezTo>
                  <a:cubicBezTo>
                    <a:pt x="34788" y="7865"/>
                    <a:pt x="34811" y="7898"/>
                    <a:pt x="34845" y="7904"/>
                  </a:cubicBezTo>
                  <a:lnTo>
                    <a:pt x="34867" y="7908"/>
                  </a:lnTo>
                  <a:cubicBezTo>
                    <a:pt x="34864" y="7908"/>
                    <a:pt x="34860" y="7907"/>
                    <a:pt x="34857" y="7907"/>
                  </a:cubicBezTo>
                  <a:cubicBezTo>
                    <a:pt x="34828" y="7907"/>
                    <a:pt x="34801" y="7928"/>
                    <a:pt x="34796" y="7958"/>
                  </a:cubicBezTo>
                  <a:cubicBezTo>
                    <a:pt x="34791" y="7986"/>
                    <a:pt x="34807" y="8008"/>
                    <a:pt x="34830" y="8022"/>
                  </a:cubicBezTo>
                  <a:cubicBezTo>
                    <a:pt x="34805" y="8031"/>
                    <a:pt x="34785" y="8052"/>
                    <a:pt x="34787" y="8080"/>
                  </a:cubicBezTo>
                  <a:cubicBezTo>
                    <a:pt x="34788" y="8114"/>
                    <a:pt x="34817" y="8133"/>
                    <a:pt x="34847" y="8152"/>
                  </a:cubicBezTo>
                  <a:lnTo>
                    <a:pt x="34863" y="8158"/>
                  </a:lnTo>
                  <a:cubicBezTo>
                    <a:pt x="34912" y="8183"/>
                    <a:pt x="34959" y="8189"/>
                    <a:pt x="35010" y="8189"/>
                  </a:cubicBezTo>
                  <a:cubicBezTo>
                    <a:pt x="35028" y="8189"/>
                    <a:pt x="35046" y="8188"/>
                    <a:pt x="35064" y="8187"/>
                  </a:cubicBezTo>
                  <a:cubicBezTo>
                    <a:pt x="35071" y="8187"/>
                    <a:pt x="35077" y="8187"/>
                    <a:pt x="35083" y="8186"/>
                  </a:cubicBezTo>
                  <a:cubicBezTo>
                    <a:pt x="35150" y="8183"/>
                    <a:pt x="35216" y="8170"/>
                    <a:pt x="35274" y="8138"/>
                  </a:cubicBezTo>
                  <a:lnTo>
                    <a:pt x="35292" y="8126"/>
                  </a:lnTo>
                  <a:cubicBezTo>
                    <a:pt x="35304" y="8116"/>
                    <a:pt x="35314" y="8109"/>
                    <a:pt x="35321" y="8102"/>
                  </a:cubicBezTo>
                  <a:cubicBezTo>
                    <a:pt x="35323" y="8101"/>
                    <a:pt x="35324" y="8099"/>
                    <a:pt x="35325" y="8098"/>
                  </a:cubicBezTo>
                  <a:cubicBezTo>
                    <a:pt x="35339" y="8086"/>
                    <a:pt x="35345" y="8078"/>
                    <a:pt x="35348" y="8065"/>
                  </a:cubicBezTo>
                  <a:cubicBezTo>
                    <a:pt x="35348" y="8063"/>
                    <a:pt x="35350" y="8063"/>
                    <a:pt x="35350" y="8061"/>
                  </a:cubicBezTo>
                  <a:cubicBezTo>
                    <a:pt x="35350" y="8060"/>
                    <a:pt x="35349" y="8059"/>
                    <a:pt x="35349" y="8058"/>
                  </a:cubicBezTo>
                  <a:cubicBezTo>
                    <a:pt x="35349" y="8056"/>
                    <a:pt x="35350" y="8055"/>
                    <a:pt x="35350" y="8053"/>
                  </a:cubicBezTo>
                  <a:cubicBezTo>
                    <a:pt x="35350" y="8049"/>
                    <a:pt x="35347" y="8047"/>
                    <a:pt x="35346" y="8043"/>
                  </a:cubicBezTo>
                  <a:cubicBezTo>
                    <a:pt x="35341" y="8017"/>
                    <a:pt x="35326" y="7993"/>
                    <a:pt x="35299" y="7988"/>
                  </a:cubicBezTo>
                  <a:lnTo>
                    <a:pt x="35277" y="7984"/>
                  </a:lnTo>
                  <a:lnTo>
                    <a:pt x="35277" y="7984"/>
                  </a:lnTo>
                  <a:cubicBezTo>
                    <a:pt x="35281" y="7984"/>
                    <a:pt x="35285" y="7985"/>
                    <a:pt x="35289" y="7985"/>
                  </a:cubicBezTo>
                  <a:cubicBezTo>
                    <a:pt x="35318" y="7985"/>
                    <a:pt x="35344" y="7963"/>
                    <a:pt x="35350" y="7934"/>
                  </a:cubicBezTo>
                  <a:cubicBezTo>
                    <a:pt x="35356" y="7900"/>
                    <a:pt x="35333" y="7867"/>
                    <a:pt x="35299" y="7861"/>
                  </a:cubicBezTo>
                  <a:lnTo>
                    <a:pt x="35277" y="7856"/>
                  </a:lnTo>
                  <a:lnTo>
                    <a:pt x="35277" y="7856"/>
                  </a:lnTo>
                  <a:cubicBezTo>
                    <a:pt x="35280" y="7857"/>
                    <a:pt x="35282" y="7857"/>
                    <a:pt x="35285" y="7857"/>
                  </a:cubicBezTo>
                  <a:cubicBezTo>
                    <a:pt x="35306" y="7857"/>
                    <a:pt x="35323" y="7845"/>
                    <a:pt x="35335" y="7828"/>
                  </a:cubicBezTo>
                  <a:lnTo>
                    <a:pt x="35459" y="7828"/>
                  </a:lnTo>
                  <a:cubicBezTo>
                    <a:pt x="35459" y="7829"/>
                    <a:pt x="35457" y="7830"/>
                    <a:pt x="35457" y="7831"/>
                  </a:cubicBezTo>
                  <a:cubicBezTo>
                    <a:pt x="35451" y="7865"/>
                    <a:pt x="35474" y="7898"/>
                    <a:pt x="35508" y="7904"/>
                  </a:cubicBezTo>
                  <a:lnTo>
                    <a:pt x="35530" y="7908"/>
                  </a:lnTo>
                  <a:cubicBezTo>
                    <a:pt x="35526" y="7908"/>
                    <a:pt x="35523" y="7907"/>
                    <a:pt x="35520" y="7907"/>
                  </a:cubicBezTo>
                  <a:cubicBezTo>
                    <a:pt x="35489" y="7907"/>
                    <a:pt x="35463" y="7928"/>
                    <a:pt x="35457" y="7958"/>
                  </a:cubicBezTo>
                  <a:cubicBezTo>
                    <a:pt x="35452" y="7986"/>
                    <a:pt x="35469" y="8008"/>
                    <a:pt x="35491" y="8022"/>
                  </a:cubicBezTo>
                  <a:cubicBezTo>
                    <a:pt x="35467" y="8031"/>
                    <a:pt x="35448" y="8052"/>
                    <a:pt x="35449" y="8080"/>
                  </a:cubicBezTo>
                  <a:cubicBezTo>
                    <a:pt x="35451" y="8114"/>
                    <a:pt x="35479" y="8133"/>
                    <a:pt x="35509" y="8152"/>
                  </a:cubicBezTo>
                  <a:lnTo>
                    <a:pt x="35524" y="8158"/>
                  </a:lnTo>
                  <a:cubicBezTo>
                    <a:pt x="35573" y="8183"/>
                    <a:pt x="35621" y="8189"/>
                    <a:pt x="35672" y="8189"/>
                  </a:cubicBezTo>
                  <a:cubicBezTo>
                    <a:pt x="35689" y="8189"/>
                    <a:pt x="35707" y="8188"/>
                    <a:pt x="35726" y="8187"/>
                  </a:cubicBezTo>
                  <a:cubicBezTo>
                    <a:pt x="35732" y="8187"/>
                    <a:pt x="35739" y="8187"/>
                    <a:pt x="35746" y="8186"/>
                  </a:cubicBezTo>
                  <a:cubicBezTo>
                    <a:pt x="35812" y="8183"/>
                    <a:pt x="35878" y="8170"/>
                    <a:pt x="35936" y="8138"/>
                  </a:cubicBezTo>
                  <a:lnTo>
                    <a:pt x="35953" y="8126"/>
                  </a:lnTo>
                  <a:cubicBezTo>
                    <a:pt x="35967" y="8116"/>
                    <a:pt x="35976" y="8109"/>
                    <a:pt x="35983" y="8102"/>
                  </a:cubicBezTo>
                  <a:cubicBezTo>
                    <a:pt x="35985" y="8101"/>
                    <a:pt x="35985" y="8099"/>
                    <a:pt x="35988" y="8098"/>
                  </a:cubicBezTo>
                  <a:cubicBezTo>
                    <a:pt x="36001" y="8086"/>
                    <a:pt x="36006" y="8078"/>
                    <a:pt x="36009" y="8065"/>
                  </a:cubicBezTo>
                  <a:cubicBezTo>
                    <a:pt x="36009" y="8063"/>
                    <a:pt x="36011" y="8063"/>
                    <a:pt x="36011" y="8061"/>
                  </a:cubicBezTo>
                  <a:cubicBezTo>
                    <a:pt x="36011" y="8060"/>
                    <a:pt x="36010" y="8059"/>
                    <a:pt x="36011" y="8058"/>
                  </a:cubicBezTo>
                  <a:cubicBezTo>
                    <a:pt x="36011" y="8056"/>
                    <a:pt x="36011" y="8055"/>
                    <a:pt x="36012" y="8053"/>
                  </a:cubicBezTo>
                  <a:cubicBezTo>
                    <a:pt x="36012" y="8049"/>
                    <a:pt x="36008" y="8047"/>
                    <a:pt x="36007" y="8043"/>
                  </a:cubicBezTo>
                  <a:cubicBezTo>
                    <a:pt x="36004" y="8017"/>
                    <a:pt x="35989" y="7993"/>
                    <a:pt x="35961" y="7988"/>
                  </a:cubicBezTo>
                  <a:lnTo>
                    <a:pt x="35939" y="7984"/>
                  </a:lnTo>
                  <a:lnTo>
                    <a:pt x="35939" y="7984"/>
                  </a:lnTo>
                  <a:cubicBezTo>
                    <a:pt x="35943" y="7984"/>
                    <a:pt x="35946" y="7985"/>
                    <a:pt x="35950" y="7985"/>
                  </a:cubicBezTo>
                  <a:cubicBezTo>
                    <a:pt x="35980" y="7985"/>
                    <a:pt x="36006" y="7963"/>
                    <a:pt x="36011" y="7934"/>
                  </a:cubicBezTo>
                  <a:cubicBezTo>
                    <a:pt x="36017" y="7900"/>
                    <a:pt x="35995" y="7867"/>
                    <a:pt x="35961" y="7861"/>
                  </a:cubicBezTo>
                  <a:lnTo>
                    <a:pt x="35940" y="7856"/>
                  </a:lnTo>
                  <a:lnTo>
                    <a:pt x="35940" y="7856"/>
                  </a:lnTo>
                  <a:cubicBezTo>
                    <a:pt x="35943" y="7857"/>
                    <a:pt x="35945" y="7857"/>
                    <a:pt x="35947" y="7857"/>
                  </a:cubicBezTo>
                  <a:cubicBezTo>
                    <a:pt x="35969" y="7857"/>
                    <a:pt x="35986" y="7845"/>
                    <a:pt x="35998" y="7828"/>
                  </a:cubicBezTo>
                  <a:lnTo>
                    <a:pt x="36121" y="7828"/>
                  </a:lnTo>
                  <a:cubicBezTo>
                    <a:pt x="36121" y="7829"/>
                    <a:pt x="36120" y="7830"/>
                    <a:pt x="36119" y="7831"/>
                  </a:cubicBezTo>
                  <a:cubicBezTo>
                    <a:pt x="36113" y="7865"/>
                    <a:pt x="36135" y="7898"/>
                    <a:pt x="36169" y="7904"/>
                  </a:cubicBezTo>
                  <a:lnTo>
                    <a:pt x="36191" y="7908"/>
                  </a:lnTo>
                  <a:cubicBezTo>
                    <a:pt x="36188" y="7908"/>
                    <a:pt x="36185" y="7907"/>
                    <a:pt x="36181" y="7907"/>
                  </a:cubicBezTo>
                  <a:cubicBezTo>
                    <a:pt x="36152" y="7907"/>
                    <a:pt x="36125" y="7928"/>
                    <a:pt x="36119" y="7959"/>
                  </a:cubicBezTo>
                  <a:cubicBezTo>
                    <a:pt x="36115" y="7986"/>
                    <a:pt x="36130" y="8008"/>
                    <a:pt x="36154" y="8022"/>
                  </a:cubicBezTo>
                  <a:cubicBezTo>
                    <a:pt x="36129" y="8031"/>
                    <a:pt x="36109" y="8052"/>
                    <a:pt x="36111" y="8080"/>
                  </a:cubicBezTo>
                  <a:cubicBezTo>
                    <a:pt x="36113" y="8114"/>
                    <a:pt x="36142" y="8135"/>
                    <a:pt x="36170" y="8152"/>
                  </a:cubicBezTo>
                  <a:lnTo>
                    <a:pt x="36187" y="8158"/>
                  </a:lnTo>
                  <a:cubicBezTo>
                    <a:pt x="36235" y="8183"/>
                    <a:pt x="36282" y="8189"/>
                    <a:pt x="36333" y="8189"/>
                  </a:cubicBezTo>
                  <a:cubicBezTo>
                    <a:pt x="36350" y="8189"/>
                    <a:pt x="36369" y="8188"/>
                    <a:pt x="36388" y="8187"/>
                  </a:cubicBezTo>
                  <a:cubicBezTo>
                    <a:pt x="36395" y="8187"/>
                    <a:pt x="36401" y="8187"/>
                    <a:pt x="36407" y="8186"/>
                  </a:cubicBezTo>
                  <a:cubicBezTo>
                    <a:pt x="36473" y="8183"/>
                    <a:pt x="36541" y="8171"/>
                    <a:pt x="36597" y="8138"/>
                  </a:cubicBezTo>
                  <a:lnTo>
                    <a:pt x="36615" y="8126"/>
                  </a:lnTo>
                  <a:cubicBezTo>
                    <a:pt x="36628" y="8116"/>
                    <a:pt x="36638" y="8109"/>
                    <a:pt x="36645" y="8102"/>
                  </a:cubicBezTo>
                  <a:cubicBezTo>
                    <a:pt x="36647" y="8101"/>
                    <a:pt x="36648" y="8100"/>
                    <a:pt x="36649" y="8098"/>
                  </a:cubicBezTo>
                  <a:cubicBezTo>
                    <a:pt x="36664" y="8086"/>
                    <a:pt x="36668" y="8078"/>
                    <a:pt x="36671" y="8065"/>
                  </a:cubicBezTo>
                  <a:cubicBezTo>
                    <a:pt x="36672" y="8063"/>
                    <a:pt x="36673" y="8063"/>
                    <a:pt x="36673" y="8062"/>
                  </a:cubicBezTo>
                  <a:cubicBezTo>
                    <a:pt x="36674" y="8060"/>
                    <a:pt x="36673" y="8060"/>
                    <a:pt x="36673" y="8058"/>
                  </a:cubicBezTo>
                  <a:cubicBezTo>
                    <a:pt x="36673" y="8056"/>
                    <a:pt x="36674" y="8055"/>
                    <a:pt x="36674" y="8053"/>
                  </a:cubicBezTo>
                  <a:cubicBezTo>
                    <a:pt x="36674" y="8049"/>
                    <a:pt x="36670" y="8047"/>
                    <a:pt x="36670" y="8043"/>
                  </a:cubicBezTo>
                  <a:cubicBezTo>
                    <a:pt x="36666" y="8017"/>
                    <a:pt x="36650" y="7993"/>
                    <a:pt x="36623" y="7988"/>
                  </a:cubicBezTo>
                  <a:lnTo>
                    <a:pt x="36602" y="7984"/>
                  </a:lnTo>
                  <a:lnTo>
                    <a:pt x="36602" y="7984"/>
                  </a:lnTo>
                  <a:cubicBezTo>
                    <a:pt x="36605" y="7984"/>
                    <a:pt x="36609" y="7985"/>
                    <a:pt x="36612" y="7985"/>
                  </a:cubicBezTo>
                  <a:cubicBezTo>
                    <a:pt x="36641" y="7985"/>
                    <a:pt x="36667" y="7963"/>
                    <a:pt x="36673" y="7934"/>
                  </a:cubicBezTo>
                  <a:cubicBezTo>
                    <a:pt x="36680" y="7900"/>
                    <a:pt x="36657" y="7867"/>
                    <a:pt x="36623" y="7861"/>
                  </a:cubicBezTo>
                  <a:lnTo>
                    <a:pt x="36602" y="7856"/>
                  </a:lnTo>
                  <a:lnTo>
                    <a:pt x="36602" y="7856"/>
                  </a:lnTo>
                  <a:cubicBezTo>
                    <a:pt x="36604" y="7857"/>
                    <a:pt x="36607" y="7857"/>
                    <a:pt x="36609" y="7857"/>
                  </a:cubicBezTo>
                  <a:cubicBezTo>
                    <a:pt x="36630" y="7857"/>
                    <a:pt x="36647" y="7845"/>
                    <a:pt x="36659" y="7828"/>
                  </a:cubicBezTo>
                  <a:lnTo>
                    <a:pt x="37137" y="7828"/>
                  </a:lnTo>
                  <a:lnTo>
                    <a:pt x="37137" y="8383"/>
                  </a:lnTo>
                  <a:lnTo>
                    <a:pt x="37416" y="8383"/>
                  </a:lnTo>
                  <a:lnTo>
                    <a:pt x="37416" y="7662"/>
                  </a:lnTo>
                  <a:lnTo>
                    <a:pt x="37703" y="7662"/>
                  </a:lnTo>
                  <a:lnTo>
                    <a:pt x="37703" y="7820"/>
                  </a:lnTo>
                  <a:lnTo>
                    <a:pt x="38285" y="7820"/>
                  </a:lnTo>
                  <a:lnTo>
                    <a:pt x="38285" y="7656"/>
                  </a:lnTo>
                  <a:cubicBezTo>
                    <a:pt x="38401" y="7639"/>
                    <a:pt x="38491" y="7544"/>
                    <a:pt x="38491" y="7423"/>
                  </a:cubicBezTo>
                  <a:cubicBezTo>
                    <a:pt x="38491" y="7303"/>
                    <a:pt x="38401" y="7208"/>
                    <a:pt x="38285" y="7192"/>
                  </a:cubicBezTo>
                  <a:lnTo>
                    <a:pt x="38285" y="5746"/>
                  </a:lnTo>
                  <a:lnTo>
                    <a:pt x="38285" y="5174"/>
                  </a:lnTo>
                  <a:lnTo>
                    <a:pt x="38975" y="5174"/>
                  </a:lnTo>
                  <a:lnTo>
                    <a:pt x="38975" y="4627"/>
                  </a:lnTo>
                  <a:lnTo>
                    <a:pt x="38607" y="2875"/>
                  </a:lnTo>
                  <a:lnTo>
                    <a:pt x="46271" y="2875"/>
                  </a:lnTo>
                  <a:lnTo>
                    <a:pt x="46271" y="2280"/>
                  </a:lnTo>
                  <a:lnTo>
                    <a:pt x="46271" y="595"/>
                  </a:lnTo>
                  <a:lnTo>
                    <a:pt x="46271" y="0"/>
                  </a:lnTo>
                  <a:close/>
                </a:path>
              </a:pathLst>
            </a:custGeom>
            <a:solidFill>
              <a:srgbClr val="16263C">
                <a:alpha val="1013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9" name="Google Shape;939;p34"/>
            <p:cNvSpPr/>
            <p:nvPr/>
          </p:nvSpPr>
          <p:spPr>
            <a:xfrm>
              <a:off x="4588400" y="752503"/>
              <a:ext cx="90450" cy="1774051"/>
            </a:xfrm>
            <a:custGeom>
              <a:avLst/>
              <a:gdLst/>
              <a:ahLst/>
              <a:cxnLst/>
              <a:rect l="l" t="t" r="r" b="b"/>
              <a:pathLst>
                <a:path w="3618" h="48185" extrusionOk="0">
                  <a:moveTo>
                    <a:pt x="0" y="0"/>
                  </a:moveTo>
                  <a:lnTo>
                    <a:pt x="0" y="48184"/>
                  </a:lnTo>
                  <a:lnTo>
                    <a:pt x="3618" y="48184"/>
                  </a:lnTo>
                  <a:lnTo>
                    <a:pt x="3618" y="0"/>
                  </a:lnTo>
                  <a:close/>
                </a:path>
              </a:pathLst>
            </a:custGeom>
            <a:solidFill>
              <a:srgbClr val="16263C">
                <a:alpha val="1013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6" name="Google Shape;408;p28">
            <a:extLst>
              <a:ext uri="{FF2B5EF4-FFF2-40B4-BE49-F238E27FC236}">
                <a16:creationId xmlns:a16="http://schemas.microsoft.com/office/drawing/2014/main" xmlns="" id="{E105004A-D45E-AB8E-AC4F-A1A48B33D94B}"/>
              </a:ext>
            </a:extLst>
          </p:cNvPr>
          <p:cNvSpPr txBox="1">
            <a:spLocks noGrp="1"/>
          </p:cNvSpPr>
          <p:nvPr>
            <p:ph type="title"/>
          </p:nvPr>
        </p:nvSpPr>
        <p:spPr>
          <a:xfrm>
            <a:off x="930292" y="1231898"/>
            <a:ext cx="5182914" cy="3556466"/>
          </a:xfrm>
          <a:prstGeom prst="rect">
            <a:avLst/>
          </a:prstGeom>
        </p:spPr>
        <p:txBody>
          <a:bodyPr spcFirstLastPara="1" wrap="square" lIns="91425" tIns="91425" rIns="91425" bIns="91425" anchor="ctr" anchorCtr="0">
            <a:noAutofit/>
          </a:bodyPr>
          <a:lstStyle/>
          <a:p>
            <a:pPr algn="ctr">
              <a:lnSpc>
                <a:spcPct val="150000"/>
              </a:lnSpc>
            </a:pPr>
            <a:r>
              <a:rPr lang="vi-VN" sz="3200" b="1" dirty="0">
                <a:effectLst/>
                <a:latin typeface="Arial" panose="020B0604020202020204" pitchFamily="34" charset="0"/>
                <a:cs typeface="Arial" panose="020B0604020202020204" pitchFamily="34" charset="0"/>
              </a:rPr>
              <a:t>CƠ HỘI LỰA CHỌN NGHỀ NGHIỆP TRONG LĨNH VỰC KĨ THUẬT, CÔNG NGHỆ TRONG </a:t>
            </a:r>
            <a:br>
              <a:rPr lang="vi-VN" sz="3200" b="1" dirty="0">
                <a:effectLst/>
                <a:latin typeface="Arial" panose="020B0604020202020204" pitchFamily="34" charset="0"/>
                <a:cs typeface="Arial" panose="020B0604020202020204" pitchFamily="34" charset="0"/>
              </a:rPr>
            </a:br>
            <a:r>
              <a:rPr lang="vi-VN" sz="3200" b="1" dirty="0">
                <a:effectLst/>
                <a:latin typeface="Arial" panose="020B0604020202020204" pitchFamily="34" charset="0"/>
                <a:cs typeface="Arial" panose="020B0604020202020204" pitchFamily="34" charset="0"/>
              </a:rPr>
              <a:t>HỆ THỐNG GIÁO DỤC</a:t>
            </a:r>
            <a:endParaRPr lang="vi-VN" sz="3200" dirty="0">
              <a:effectLst/>
              <a:latin typeface="Arial" panose="020B0604020202020204" pitchFamily="34" charset="0"/>
              <a:cs typeface="Arial" panose="020B0604020202020204" pitchFamily="34" charset="0"/>
            </a:endParaRPr>
          </a:p>
        </p:txBody>
      </p:sp>
      <p:sp>
        <p:nvSpPr>
          <p:cNvPr id="7" name="Rectangle 6">
            <a:extLst>
              <a:ext uri="{FF2B5EF4-FFF2-40B4-BE49-F238E27FC236}">
                <a16:creationId xmlns:a16="http://schemas.microsoft.com/office/drawing/2014/main" xmlns="" id="{7D26D03A-00B2-BF59-7055-A00B24FFB767}"/>
              </a:ext>
            </a:extLst>
          </p:cNvPr>
          <p:cNvSpPr/>
          <p:nvPr/>
        </p:nvSpPr>
        <p:spPr>
          <a:xfrm>
            <a:off x="3175745" y="394764"/>
            <a:ext cx="713416" cy="706518"/>
          </a:xfrm>
          <a:prstGeom prst="rect">
            <a:avLst/>
          </a:prstGeom>
          <a:solidFill>
            <a:schemeClr val="accent6"/>
          </a:solidFill>
          <a:ln>
            <a:solidFill>
              <a:schemeClr val="accent5"/>
            </a:solidFill>
          </a:ln>
        </p:spPr>
        <p:style>
          <a:lnRef idx="2">
            <a:schemeClr val="accent1"/>
          </a:lnRef>
          <a:fillRef idx="1">
            <a:schemeClr val="lt1"/>
          </a:fillRef>
          <a:effectRef idx="0">
            <a:schemeClr val="accent1"/>
          </a:effectRef>
          <a:fontRef idx="minor">
            <a:schemeClr val="dk1"/>
          </a:fontRef>
        </p:style>
        <p:txBody>
          <a:bodyPr rtlCol="0" anchor="ctr"/>
          <a:lstStyle/>
          <a:p>
            <a:pPr algn="ctr"/>
            <a:r>
              <a:rPr lang="vi-VN" sz="3600" b="1" dirty="0">
                <a:latin typeface="Arial" panose="020B0604020202020204" pitchFamily="34" charset="0"/>
                <a:cs typeface="Arial" panose="020B0604020202020204" pitchFamily="34" charset="0"/>
              </a:rPr>
              <a:t>III.</a:t>
            </a:r>
          </a:p>
        </p:txBody>
      </p:sp>
    </p:spTree>
    <p:custDataLst>
      <p:tags r:id="rId1"/>
    </p:custDataLst>
  </p:cSld>
  <p:clrMapOvr>
    <a:masterClrMapping/>
  </p:clrMapOvr>
  <p:transition spd="slow">
    <p:fade/>
  </p:transition>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737"/>
        <p:cNvGrpSpPr/>
        <p:nvPr/>
      </p:nvGrpSpPr>
      <p:grpSpPr>
        <a:xfrm>
          <a:off x="0" y="0"/>
          <a:ext cx="0" cy="0"/>
          <a:chOff x="0" y="0"/>
          <a:chExt cx="0" cy="0"/>
        </a:xfrm>
      </p:grpSpPr>
      <p:sp>
        <p:nvSpPr>
          <p:cNvPr id="5" name="Title 4">
            <a:extLst>
              <a:ext uri="{FF2B5EF4-FFF2-40B4-BE49-F238E27FC236}">
                <a16:creationId xmlns:a16="http://schemas.microsoft.com/office/drawing/2014/main" xmlns="" id="{28435344-7EE0-B435-3AF6-9E7579377C4B}"/>
              </a:ext>
            </a:extLst>
          </p:cNvPr>
          <p:cNvSpPr>
            <a:spLocks noGrp="1"/>
          </p:cNvSpPr>
          <p:nvPr>
            <p:ph type="title"/>
          </p:nvPr>
        </p:nvSpPr>
        <p:spPr>
          <a:xfrm>
            <a:off x="720000" y="336299"/>
            <a:ext cx="7704000" cy="646500"/>
          </a:xfrm>
        </p:spPr>
        <p:txBody>
          <a:bodyPr anchor="ctr"/>
          <a:lstStyle/>
          <a:p>
            <a:pPr algn="ctr"/>
            <a:r>
              <a:rPr lang="vi-VN" sz="2400" b="1" dirty="0">
                <a:solidFill>
                  <a:srgbClr val="DC7C12"/>
                </a:solidFill>
                <a:effectLst/>
                <a:latin typeface="Arial" panose="020B0604020202020204" pitchFamily="34" charset="0"/>
                <a:cs typeface="Arial" panose="020B0604020202020204" pitchFamily="34" charset="0"/>
              </a:rPr>
              <a:t>Quan sát thông tin SGK.13 và thực hiện yêu cầu</a:t>
            </a:r>
            <a:endParaRPr lang="vi-VN" sz="2400" b="1" dirty="0">
              <a:solidFill>
                <a:srgbClr val="DC7C12"/>
              </a:solidFill>
              <a:latin typeface="Arial" panose="020B0604020202020204" pitchFamily="34" charset="0"/>
              <a:cs typeface="Arial" panose="020B0604020202020204" pitchFamily="34" charset="0"/>
            </a:endParaRPr>
          </a:p>
        </p:txBody>
      </p:sp>
      <p:grpSp>
        <p:nvGrpSpPr>
          <p:cNvPr id="12" name="Group 11">
            <a:extLst>
              <a:ext uri="{FF2B5EF4-FFF2-40B4-BE49-F238E27FC236}">
                <a16:creationId xmlns:a16="http://schemas.microsoft.com/office/drawing/2014/main" xmlns="" id="{0EAA6F9A-071F-74E1-7B69-B41CCCD58C08}"/>
              </a:ext>
            </a:extLst>
          </p:cNvPr>
          <p:cNvGrpSpPr/>
          <p:nvPr/>
        </p:nvGrpSpPr>
        <p:grpSpPr>
          <a:xfrm>
            <a:off x="3794860" y="1910685"/>
            <a:ext cx="5020694" cy="2780276"/>
            <a:chOff x="1069578" y="1903923"/>
            <a:chExt cx="5020694" cy="2780276"/>
          </a:xfrm>
        </p:grpSpPr>
        <p:grpSp>
          <p:nvGrpSpPr>
            <p:cNvPr id="13" name="Group 12">
              <a:extLst>
                <a:ext uri="{FF2B5EF4-FFF2-40B4-BE49-F238E27FC236}">
                  <a16:creationId xmlns:a16="http://schemas.microsoft.com/office/drawing/2014/main" xmlns="" id="{7880961F-D14A-2E04-17EE-21EF7C30A75A}"/>
                </a:ext>
              </a:extLst>
            </p:cNvPr>
            <p:cNvGrpSpPr/>
            <p:nvPr/>
          </p:nvGrpSpPr>
          <p:grpSpPr>
            <a:xfrm>
              <a:off x="1069578" y="1903923"/>
              <a:ext cx="5020694" cy="2780276"/>
              <a:chOff x="996092" y="1248504"/>
              <a:chExt cx="5020694" cy="2780276"/>
            </a:xfrm>
          </p:grpSpPr>
          <p:sp>
            <p:nvSpPr>
              <p:cNvPr id="15" name="Rectangle: Diagonal Corners Rounded 14">
                <a:extLst>
                  <a:ext uri="{FF2B5EF4-FFF2-40B4-BE49-F238E27FC236}">
                    <a16:creationId xmlns:a16="http://schemas.microsoft.com/office/drawing/2014/main" xmlns="" id="{13D628D4-BB87-5730-4005-6AAAFDDF16F7}"/>
                  </a:ext>
                </a:extLst>
              </p:cNvPr>
              <p:cNvSpPr/>
              <p:nvPr/>
            </p:nvSpPr>
            <p:spPr>
              <a:xfrm flipH="1">
                <a:off x="1175981" y="1506081"/>
                <a:ext cx="4840805" cy="2522699"/>
              </a:xfrm>
              <a:prstGeom prst="round2DiagRect">
                <a:avLst>
                  <a:gd name="adj1" fmla="val 22831"/>
                  <a:gd name="adj2" fmla="val 0"/>
                </a:avLst>
              </a:prstGeom>
              <a:solidFill>
                <a:srgbClr val="D7EDDD"/>
              </a:solidFill>
              <a:ln>
                <a:solidFill>
                  <a:srgbClr val="D7EDDD"/>
                </a:solidFill>
              </a:ln>
            </p:spPr>
            <p:style>
              <a:lnRef idx="2">
                <a:schemeClr val="accent1">
                  <a:shade val="15000"/>
                </a:schemeClr>
              </a:lnRef>
              <a:fillRef idx="1">
                <a:schemeClr val="accent1"/>
              </a:fillRef>
              <a:effectRef idx="0">
                <a:schemeClr val="accent1"/>
              </a:effectRef>
              <a:fontRef idx="minor">
                <a:schemeClr val="lt1"/>
              </a:fontRef>
            </p:style>
            <p:txBody>
              <a:bodyPr bIns="108000" rtlCol="0" anchor="ctr"/>
              <a:lstStyle/>
              <a:p>
                <a:pPr algn="just">
                  <a:lnSpc>
                    <a:spcPct val="150000"/>
                  </a:lnSpc>
                </a:pPr>
                <a:r>
                  <a:rPr lang="vi-VN" sz="2000" dirty="0">
                    <a:solidFill>
                      <a:srgbClr val="000000"/>
                    </a:solidFill>
                    <a:effectLst/>
                    <a:latin typeface="Arial" panose="020B0604020202020204" pitchFamily="34" charset="0"/>
                    <a:cs typeface="Arial" panose="020B0604020202020204" pitchFamily="34" charset="0"/>
                  </a:rPr>
                  <a:t>Hãy nêu các sự lựa chọn nghề nghiệp thuộc lĩnh vực khoa học kĩ thuật ở các thời điểm phân luồng của hệ thống giáo dục.</a:t>
                </a:r>
                <a:endParaRPr lang="vi-VN" sz="2000" dirty="0">
                  <a:effectLst/>
                  <a:latin typeface="Arial" panose="020B0604020202020204" pitchFamily="34" charset="0"/>
                  <a:cs typeface="Arial" panose="020B0604020202020204" pitchFamily="34" charset="0"/>
                </a:endParaRPr>
              </a:p>
            </p:txBody>
          </p:sp>
          <p:sp>
            <p:nvSpPr>
              <p:cNvPr id="16" name="Speech Bubble: Rectangle with Corners Rounded 19">
                <a:extLst>
                  <a:ext uri="{FF2B5EF4-FFF2-40B4-BE49-F238E27FC236}">
                    <a16:creationId xmlns:a16="http://schemas.microsoft.com/office/drawing/2014/main" xmlns="" id="{03E7CC1C-DC39-DFE2-5625-7C416ED5FFB4}"/>
                  </a:ext>
                </a:extLst>
              </p:cNvPr>
              <p:cNvSpPr/>
              <p:nvPr/>
            </p:nvSpPr>
            <p:spPr>
              <a:xfrm>
                <a:off x="996092" y="1248504"/>
                <a:ext cx="596723" cy="478358"/>
              </a:xfrm>
              <a:custGeom>
                <a:avLst/>
                <a:gdLst>
                  <a:gd name="connsiteX0" fmla="*/ 0 w 478358"/>
                  <a:gd name="connsiteY0" fmla="*/ 79728 h 478358"/>
                  <a:gd name="connsiteX1" fmla="*/ 79728 w 478358"/>
                  <a:gd name="connsiteY1" fmla="*/ 0 h 478358"/>
                  <a:gd name="connsiteX2" fmla="*/ 279042 w 478358"/>
                  <a:gd name="connsiteY2" fmla="*/ 0 h 478358"/>
                  <a:gd name="connsiteX3" fmla="*/ 279042 w 478358"/>
                  <a:gd name="connsiteY3" fmla="*/ 0 h 478358"/>
                  <a:gd name="connsiteX4" fmla="*/ 398632 w 478358"/>
                  <a:gd name="connsiteY4" fmla="*/ 0 h 478358"/>
                  <a:gd name="connsiteX5" fmla="*/ 398630 w 478358"/>
                  <a:gd name="connsiteY5" fmla="*/ 0 h 478358"/>
                  <a:gd name="connsiteX6" fmla="*/ 478358 w 478358"/>
                  <a:gd name="connsiteY6" fmla="*/ 79728 h 478358"/>
                  <a:gd name="connsiteX7" fmla="*/ 478358 w 478358"/>
                  <a:gd name="connsiteY7" fmla="*/ 279042 h 478358"/>
                  <a:gd name="connsiteX8" fmla="*/ 596723 w 478358"/>
                  <a:gd name="connsiteY8" fmla="*/ 305924 h 478358"/>
                  <a:gd name="connsiteX9" fmla="*/ 478358 w 478358"/>
                  <a:gd name="connsiteY9" fmla="*/ 398632 h 478358"/>
                  <a:gd name="connsiteX10" fmla="*/ 478358 w 478358"/>
                  <a:gd name="connsiteY10" fmla="*/ 398630 h 478358"/>
                  <a:gd name="connsiteX11" fmla="*/ 398630 w 478358"/>
                  <a:gd name="connsiteY11" fmla="*/ 478358 h 478358"/>
                  <a:gd name="connsiteX12" fmla="*/ 398632 w 478358"/>
                  <a:gd name="connsiteY12" fmla="*/ 478358 h 478358"/>
                  <a:gd name="connsiteX13" fmla="*/ 279042 w 478358"/>
                  <a:gd name="connsiteY13" fmla="*/ 478358 h 478358"/>
                  <a:gd name="connsiteX14" fmla="*/ 279042 w 478358"/>
                  <a:gd name="connsiteY14" fmla="*/ 478358 h 478358"/>
                  <a:gd name="connsiteX15" fmla="*/ 79728 w 478358"/>
                  <a:gd name="connsiteY15" fmla="*/ 478358 h 478358"/>
                  <a:gd name="connsiteX16" fmla="*/ 0 w 478358"/>
                  <a:gd name="connsiteY16" fmla="*/ 398630 h 478358"/>
                  <a:gd name="connsiteX17" fmla="*/ 0 w 478358"/>
                  <a:gd name="connsiteY17" fmla="*/ 398632 h 478358"/>
                  <a:gd name="connsiteX18" fmla="*/ 0 w 478358"/>
                  <a:gd name="connsiteY18" fmla="*/ 279042 h 478358"/>
                  <a:gd name="connsiteX19" fmla="*/ 0 w 478358"/>
                  <a:gd name="connsiteY19" fmla="*/ 279042 h 478358"/>
                  <a:gd name="connsiteX20" fmla="*/ 0 w 478358"/>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305924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422038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596723" h="478358">
                    <a:moveTo>
                      <a:pt x="0" y="79728"/>
                    </a:moveTo>
                    <a:cubicBezTo>
                      <a:pt x="0" y="35695"/>
                      <a:pt x="35695" y="0"/>
                      <a:pt x="79728" y="0"/>
                    </a:cubicBezTo>
                    <a:lnTo>
                      <a:pt x="279042" y="0"/>
                    </a:lnTo>
                    <a:lnTo>
                      <a:pt x="279042" y="0"/>
                    </a:lnTo>
                    <a:lnTo>
                      <a:pt x="398632" y="0"/>
                    </a:lnTo>
                    <a:lnTo>
                      <a:pt x="398630" y="0"/>
                    </a:lnTo>
                    <a:cubicBezTo>
                      <a:pt x="442663" y="0"/>
                      <a:pt x="478358" y="35695"/>
                      <a:pt x="478358" y="79728"/>
                    </a:cubicBezTo>
                    <a:lnTo>
                      <a:pt x="478358" y="279042"/>
                    </a:lnTo>
                    <a:lnTo>
                      <a:pt x="596723" y="422038"/>
                    </a:lnTo>
                    <a:lnTo>
                      <a:pt x="478358" y="398632"/>
                    </a:lnTo>
                    <a:lnTo>
                      <a:pt x="478358" y="340573"/>
                    </a:lnTo>
                    <a:cubicBezTo>
                      <a:pt x="478358" y="384606"/>
                      <a:pt x="442663" y="478358"/>
                      <a:pt x="398630" y="478358"/>
                    </a:cubicBezTo>
                    <a:lnTo>
                      <a:pt x="398632" y="478358"/>
                    </a:lnTo>
                    <a:lnTo>
                      <a:pt x="279042" y="478358"/>
                    </a:lnTo>
                    <a:lnTo>
                      <a:pt x="279042" y="478358"/>
                    </a:lnTo>
                    <a:lnTo>
                      <a:pt x="79728" y="478358"/>
                    </a:lnTo>
                    <a:cubicBezTo>
                      <a:pt x="35695" y="478358"/>
                      <a:pt x="0" y="442663"/>
                      <a:pt x="0" y="398630"/>
                    </a:cubicBezTo>
                    <a:lnTo>
                      <a:pt x="0" y="398632"/>
                    </a:lnTo>
                    <a:lnTo>
                      <a:pt x="0" y="279042"/>
                    </a:lnTo>
                    <a:lnTo>
                      <a:pt x="0" y="279042"/>
                    </a:lnTo>
                    <a:lnTo>
                      <a:pt x="0" y="79728"/>
                    </a:lnTo>
                    <a:close/>
                  </a:path>
                </a:pathLst>
              </a:custGeom>
              <a:solidFill>
                <a:srgbClr val="00AEEF"/>
              </a:solidFill>
              <a:ln w="19050">
                <a:solidFill>
                  <a:schemeClr val="accent6"/>
                </a:solidFill>
              </a:ln>
            </p:spPr>
            <p:style>
              <a:lnRef idx="3">
                <a:schemeClr val="lt1"/>
              </a:lnRef>
              <a:fillRef idx="1">
                <a:schemeClr val="accent4"/>
              </a:fillRef>
              <a:effectRef idx="1">
                <a:schemeClr val="accent4"/>
              </a:effectRef>
              <a:fontRef idx="minor">
                <a:schemeClr val="lt1"/>
              </a:fontRef>
            </p:style>
            <p:txBody>
              <a:bodyPr rtlCol="0" anchor="ctr"/>
              <a:lstStyle/>
              <a:p>
                <a:pPr algn="ctr"/>
                <a:endParaRPr lang="vi-VN">
                  <a:latin typeface="Arial" panose="020B0604020202020204" pitchFamily="34" charset="0"/>
                  <a:cs typeface="Arial" panose="020B0604020202020204" pitchFamily="34" charset="0"/>
                </a:endParaRPr>
              </a:p>
            </p:txBody>
          </p:sp>
        </p:grpSp>
        <p:pic>
          <p:nvPicPr>
            <p:cNvPr id="14" name="Picture 13">
              <a:extLst>
                <a:ext uri="{FF2B5EF4-FFF2-40B4-BE49-F238E27FC236}">
                  <a16:creationId xmlns:a16="http://schemas.microsoft.com/office/drawing/2014/main" xmlns="" id="{0B4EBB9E-B795-0251-F044-A1570928CB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195815" y="1977508"/>
              <a:ext cx="224555" cy="352872"/>
            </a:xfrm>
            <a:prstGeom prst="rect">
              <a:avLst/>
            </a:prstGeom>
          </p:spPr>
        </p:pic>
      </p:grpSp>
      <p:sp>
        <p:nvSpPr>
          <p:cNvPr id="18" name="Arrow: Pentagon 17">
            <a:extLst>
              <a:ext uri="{FF2B5EF4-FFF2-40B4-BE49-F238E27FC236}">
                <a16:creationId xmlns:a16="http://schemas.microsoft.com/office/drawing/2014/main" xmlns="" id="{0ACCCD33-6262-9D65-D9F0-037170879D13}"/>
              </a:ext>
            </a:extLst>
          </p:cNvPr>
          <p:cNvSpPr/>
          <p:nvPr/>
        </p:nvSpPr>
        <p:spPr>
          <a:xfrm>
            <a:off x="117695" y="1210983"/>
            <a:ext cx="3525926" cy="559421"/>
          </a:xfrm>
          <a:prstGeom prst="homePlate">
            <a:avLst/>
          </a:prstGeom>
          <a:solidFill>
            <a:schemeClr val="bg1"/>
          </a:solidFill>
          <a:ln>
            <a:solidFill>
              <a:schemeClr val="bg1"/>
            </a:solidFill>
          </a:ln>
        </p:spPr>
        <p:style>
          <a:lnRef idx="1">
            <a:schemeClr val="accent2"/>
          </a:lnRef>
          <a:fillRef idx="2">
            <a:schemeClr val="accent2"/>
          </a:fillRef>
          <a:effectRef idx="1">
            <a:schemeClr val="accent2"/>
          </a:effectRef>
          <a:fontRef idx="minor">
            <a:schemeClr val="dk1"/>
          </a:fontRef>
        </p:style>
        <p:txBody>
          <a:bodyPr rtlCol="0" anchor="ctr"/>
          <a:lstStyle/>
          <a:p>
            <a:pPr algn="ctr"/>
            <a:r>
              <a:rPr lang="vi-VN" sz="2200" b="1">
                <a:solidFill>
                  <a:schemeClr val="bg2">
                    <a:lumMod val="10000"/>
                  </a:schemeClr>
                </a:solidFill>
                <a:latin typeface="Arial" panose="020B0604020202020204" pitchFamily="34" charset="0"/>
                <a:cs typeface="Arial" panose="020B0604020202020204" pitchFamily="34" charset="0"/>
              </a:rPr>
              <a:t>THẢO LUẬN NHÓM</a:t>
            </a:r>
          </a:p>
        </p:txBody>
      </p:sp>
      <p:sp>
        <p:nvSpPr>
          <p:cNvPr id="20" name="Freeform 23">
            <a:extLst>
              <a:ext uri="{FF2B5EF4-FFF2-40B4-BE49-F238E27FC236}">
                <a16:creationId xmlns:a16="http://schemas.microsoft.com/office/drawing/2014/main" xmlns="" id="{CFE6C21B-93A4-551F-4CA0-E0B05C3BDB52}"/>
              </a:ext>
            </a:extLst>
          </p:cNvPr>
          <p:cNvSpPr/>
          <p:nvPr/>
        </p:nvSpPr>
        <p:spPr>
          <a:xfrm>
            <a:off x="117695" y="2481478"/>
            <a:ext cx="3677165" cy="2209483"/>
          </a:xfrm>
          <a:custGeom>
            <a:avLst/>
            <a:gdLst/>
            <a:ahLst/>
            <a:cxnLst/>
            <a:rect l="l" t="t" r="r" b="b"/>
            <a:pathLst>
              <a:path w="1681688" h="1015128">
                <a:moveTo>
                  <a:pt x="0" y="0"/>
                </a:moveTo>
                <a:lnTo>
                  <a:pt x="1681687" y="0"/>
                </a:lnTo>
                <a:lnTo>
                  <a:pt x="1681687" y="1015128"/>
                </a:lnTo>
                <a:lnTo>
                  <a:pt x="0" y="1015128"/>
                </a:lnTo>
                <a:lnTo>
                  <a:pt x="0" y="0"/>
                </a:lnTo>
                <a:close/>
              </a:path>
            </a:pathLst>
          </a:custGeom>
          <a:blipFill>
            <a:blip r:embed="rId6">
              <a:extLst>
                <a:ext uri="{96DAC541-7B7A-43D3-8B79-37D633B846F1}">
                  <asvg:svgBlip xmlns:asvg="http://schemas.microsoft.com/office/drawing/2016/SVG/main" xmlns="" r:embed="rId7"/>
                </a:ext>
              </a:extLst>
            </a:blip>
            <a:stretch>
              <a:fillRect/>
            </a:stretch>
          </a:blipFill>
        </p:spPr>
      </p:sp>
    </p:spTree>
    <p:custDataLst>
      <p:tags r:id="rId1"/>
    </p:custDataLst>
    <p:extLst>
      <p:ext uri="{BB962C8B-B14F-4D97-AF65-F5344CB8AC3E}">
        <p14:creationId xmlns:p14="http://schemas.microsoft.com/office/powerpoint/2010/main" val="705847151"/>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wipe(left)">
                                      <p:cBhvr>
                                        <p:cTn id="7" dur="500"/>
                                        <p:tgtEl>
                                          <p:spTgt spid="18"/>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nodeType="clickEffect">
                                  <p:stCondLst>
                                    <p:cond delay="0"/>
                                  </p:stCondLst>
                                  <p:childTnLst>
                                    <p:set>
                                      <p:cBhvr>
                                        <p:cTn id="11" dur="1" fill="hold">
                                          <p:stCondLst>
                                            <p:cond delay="0"/>
                                          </p:stCondLst>
                                        </p:cTn>
                                        <p:tgtEl>
                                          <p:spTgt spid="12"/>
                                        </p:tgtEl>
                                        <p:attrNameLst>
                                          <p:attrName>style.visibility</p:attrName>
                                        </p:attrNameLst>
                                      </p:cBhvr>
                                      <p:to>
                                        <p:strVal val="visible"/>
                                      </p:to>
                                    </p:set>
                                    <p:animEffect transition="in" filter="wipe(up)">
                                      <p:cBhvr>
                                        <p:cTn id="12"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962"/>
        <p:cNvGrpSpPr/>
        <p:nvPr/>
      </p:nvGrpSpPr>
      <p:grpSpPr>
        <a:xfrm>
          <a:off x="0" y="0"/>
          <a:ext cx="0" cy="0"/>
          <a:chOff x="0" y="0"/>
          <a:chExt cx="0" cy="0"/>
        </a:xfrm>
      </p:grpSpPr>
      <p:sp>
        <p:nvSpPr>
          <p:cNvPr id="3" name="Title 2">
            <a:extLst>
              <a:ext uri="{FF2B5EF4-FFF2-40B4-BE49-F238E27FC236}">
                <a16:creationId xmlns:a16="http://schemas.microsoft.com/office/drawing/2014/main" xmlns="" id="{BD8282CF-F179-E033-7FF1-E44CAAD26E47}"/>
              </a:ext>
            </a:extLst>
          </p:cNvPr>
          <p:cNvSpPr>
            <a:spLocks noGrp="1"/>
          </p:cNvSpPr>
          <p:nvPr>
            <p:ph type="title"/>
          </p:nvPr>
        </p:nvSpPr>
        <p:spPr>
          <a:xfrm>
            <a:off x="1034142" y="274604"/>
            <a:ext cx="7075714" cy="882384"/>
          </a:xfrm>
        </p:spPr>
        <p:txBody>
          <a:bodyPr anchor="ctr"/>
          <a:lstStyle/>
          <a:p>
            <a:pPr algn="ctr">
              <a:lnSpc>
                <a:spcPct val="150000"/>
              </a:lnSpc>
            </a:pPr>
            <a:r>
              <a:rPr lang="vi-VN" sz="2000" b="1" dirty="0">
                <a:effectLst/>
                <a:latin typeface="Arial" panose="020B0604020202020204" pitchFamily="34" charset="0"/>
                <a:cs typeface="Arial" panose="020B0604020202020204" pitchFamily="34" charset="0"/>
              </a:rPr>
              <a:t>Lựa chọn nghề nghiệp thuộc lĩnh vực khoa học kĩ thuật ở các thời điểm phân luồng của hệ thống giáo dục</a:t>
            </a:r>
          </a:p>
        </p:txBody>
      </p:sp>
      <p:sp>
        <p:nvSpPr>
          <p:cNvPr id="5" name="Rectangle: Diagonal Corners Rounded 4">
            <a:extLst>
              <a:ext uri="{FF2B5EF4-FFF2-40B4-BE49-F238E27FC236}">
                <a16:creationId xmlns:a16="http://schemas.microsoft.com/office/drawing/2014/main" xmlns="" id="{C2535B39-E41C-E8E3-207E-750D08BA3774}"/>
              </a:ext>
            </a:extLst>
          </p:cNvPr>
          <p:cNvSpPr/>
          <p:nvPr/>
        </p:nvSpPr>
        <p:spPr>
          <a:xfrm>
            <a:off x="2351314" y="1300284"/>
            <a:ext cx="4441371" cy="459986"/>
          </a:xfrm>
          <a:prstGeom prst="round2DiagRect">
            <a:avLst>
              <a:gd name="adj1" fmla="val 23051"/>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72000" rtlCol="0" anchor="ctr"/>
          <a:lstStyle/>
          <a:p>
            <a:pPr algn="ctr"/>
            <a:r>
              <a:rPr lang="vi-VN" sz="1800" dirty="0">
                <a:latin typeface="Arial" panose="020B0604020202020204" pitchFamily="34" charset="0"/>
                <a:cs typeface="Arial" panose="020B0604020202020204" pitchFamily="34" charset="0"/>
              </a:rPr>
              <a:t>Sau khi tốt nghiệp THCS, có thể học</a:t>
            </a:r>
          </a:p>
        </p:txBody>
      </p:sp>
      <p:grpSp>
        <p:nvGrpSpPr>
          <p:cNvPr id="7" name="Group 6">
            <a:extLst>
              <a:ext uri="{FF2B5EF4-FFF2-40B4-BE49-F238E27FC236}">
                <a16:creationId xmlns:a16="http://schemas.microsoft.com/office/drawing/2014/main" xmlns="" id="{9C744B97-B974-2849-C809-762DD65FFA8A}"/>
              </a:ext>
            </a:extLst>
          </p:cNvPr>
          <p:cNvGrpSpPr/>
          <p:nvPr/>
        </p:nvGrpSpPr>
        <p:grpSpPr>
          <a:xfrm>
            <a:off x="744691" y="1895489"/>
            <a:ext cx="3039074" cy="2382076"/>
            <a:chOff x="353787" y="1952171"/>
            <a:chExt cx="3385234" cy="2571940"/>
          </a:xfrm>
        </p:grpSpPr>
        <p:pic>
          <p:nvPicPr>
            <p:cNvPr id="3074" name="Picture 2" descr="Nâng cao hiệu quả quy hoạch mạng lưới cơ sở giáo dục nghề nghiệp - Tạp chí  Tài chính">
              <a:extLst>
                <a:ext uri="{FF2B5EF4-FFF2-40B4-BE49-F238E27FC236}">
                  <a16:creationId xmlns:a16="http://schemas.microsoft.com/office/drawing/2014/main" xmlns="" id="{405A06CF-45AE-B21B-A32D-3062C9D58706}"/>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53787" y="1952171"/>
              <a:ext cx="3385234" cy="2233386"/>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2" name="TextBox 1">
              <a:extLst>
                <a:ext uri="{FF2B5EF4-FFF2-40B4-BE49-F238E27FC236}">
                  <a16:creationId xmlns:a16="http://schemas.microsoft.com/office/drawing/2014/main" xmlns="" id="{18A40ADE-3B2B-4834-E32E-2A5B8E18FBCC}"/>
                </a:ext>
              </a:extLst>
            </p:cNvPr>
            <p:cNvSpPr txBox="1"/>
            <p:nvPr/>
          </p:nvSpPr>
          <p:spPr>
            <a:xfrm>
              <a:off x="353787" y="4185557"/>
              <a:ext cx="3385234" cy="338554"/>
            </a:xfrm>
            <a:prstGeom prst="rect">
              <a:avLst/>
            </a:prstGeom>
            <a:noFill/>
            <a:ln>
              <a:solidFill>
                <a:srgbClr val="FF0000"/>
              </a:solidFill>
            </a:ln>
          </p:spPr>
          <p:txBody>
            <a:bodyPr wrap="square" rtlCol="0">
              <a:spAutoFit/>
            </a:bodyPr>
            <a:lstStyle/>
            <a:p>
              <a:pPr algn="ctr"/>
              <a:r>
                <a:rPr lang="vi-VN" sz="1600"/>
                <a:t>Cơ sở giáo dục nghề nghiệp</a:t>
              </a:r>
            </a:p>
          </p:txBody>
        </p:sp>
      </p:grpSp>
      <p:grpSp>
        <p:nvGrpSpPr>
          <p:cNvPr id="8" name="Group 7">
            <a:extLst>
              <a:ext uri="{FF2B5EF4-FFF2-40B4-BE49-F238E27FC236}">
                <a16:creationId xmlns:a16="http://schemas.microsoft.com/office/drawing/2014/main" xmlns="" id="{CF444FE0-4E4C-3AA8-90E3-221B4AA3B228}"/>
              </a:ext>
            </a:extLst>
          </p:cNvPr>
          <p:cNvGrpSpPr/>
          <p:nvPr/>
        </p:nvGrpSpPr>
        <p:grpSpPr>
          <a:xfrm>
            <a:off x="4572001" y="1895489"/>
            <a:ext cx="3819066" cy="2407070"/>
            <a:chOff x="203303" y="1952171"/>
            <a:chExt cx="4254071" cy="2598926"/>
          </a:xfrm>
        </p:grpSpPr>
        <p:pic>
          <p:nvPicPr>
            <p:cNvPr id="9" name="Picture 2">
              <a:extLst>
                <a:ext uri="{FF2B5EF4-FFF2-40B4-BE49-F238E27FC236}">
                  <a16:creationId xmlns:a16="http://schemas.microsoft.com/office/drawing/2014/main" xmlns="" id="{6A24938E-94E4-1E90-1265-604B48A69D39}"/>
                </a:ext>
              </a:extLst>
            </p:cNvPr>
            <p:cNvPicPr>
              <a:picLocks noChangeAspect="1" noChangeArrowheads="1"/>
            </p:cNvPicPr>
            <p:nvPr/>
          </p:nvPicPr>
          <p:blipFill>
            <a:blip r:embed="rId5"/>
            <a:srcRect/>
            <a:stretch/>
          </p:blipFill>
          <p:spPr bwMode="auto">
            <a:xfrm>
              <a:off x="203303" y="1952171"/>
              <a:ext cx="4254071" cy="2233386"/>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10" name="TextBox 9">
              <a:extLst>
                <a:ext uri="{FF2B5EF4-FFF2-40B4-BE49-F238E27FC236}">
                  <a16:creationId xmlns:a16="http://schemas.microsoft.com/office/drawing/2014/main" xmlns="" id="{7D076DC7-085F-DF2B-BBF6-EB8C7250A51C}"/>
                </a:ext>
              </a:extLst>
            </p:cNvPr>
            <p:cNvSpPr txBox="1"/>
            <p:nvPr/>
          </p:nvSpPr>
          <p:spPr>
            <a:xfrm>
              <a:off x="674019" y="4185558"/>
              <a:ext cx="3312642" cy="365539"/>
            </a:xfrm>
            <a:prstGeom prst="rect">
              <a:avLst/>
            </a:prstGeom>
            <a:noFill/>
            <a:ln>
              <a:solidFill>
                <a:srgbClr val="FF0000"/>
              </a:solidFill>
            </a:ln>
          </p:spPr>
          <p:txBody>
            <a:bodyPr wrap="square" rtlCol="0">
              <a:spAutoFit/>
            </a:bodyPr>
            <a:lstStyle/>
            <a:p>
              <a:pPr algn="ctr"/>
              <a:r>
                <a:rPr lang="vi-VN" sz="1600" dirty="0"/>
                <a:t>Cơ sở giáo dục thường xuyên</a:t>
              </a:r>
            </a:p>
          </p:txBody>
        </p:sp>
      </p:grpSp>
      <p:grpSp>
        <p:nvGrpSpPr>
          <p:cNvPr id="14" name="Group 13">
            <a:extLst>
              <a:ext uri="{FF2B5EF4-FFF2-40B4-BE49-F238E27FC236}">
                <a16:creationId xmlns:a16="http://schemas.microsoft.com/office/drawing/2014/main" xmlns="" id="{16AF6A89-1952-1005-932A-3C3C218B20E2}"/>
              </a:ext>
            </a:extLst>
          </p:cNvPr>
          <p:cNvGrpSpPr/>
          <p:nvPr/>
        </p:nvGrpSpPr>
        <p:grpSpPr>
          <a:xfrm>
            <a:off x="417004" y="4490210"/>
            <a:ext cx="8567339" cy="400110"/>
            <a:chOff x="250090" y="4490210"/>
            <a:chExt cx="8567339" cy="400110"/>
          </a:xfrm>
        </p:grpSpPr>
        <p:sp>
          <p:nvSpPr>
            <p:cNvPr id="12" name="TextBox 11">
              <a:extLst>
                <a:ext uri="{FF2B5EF4-FFF2-40B4-BE49-F238E27FC236}">
                  <a16:creationId xmlns:a16="http://schemas.microsoft.com/office/drawing/2014/main" xmlns="" id="{917F8325-A3A9-406E-BC69-6E5E09899DD4}"/>
                </a:ext>
              </a:extLst>
            </p:cNvPr>
            <p:cNvSpPr txBox="1"/>
            <p:nvPr/>
          </p:nvSpPr>
          <p:spPr>
            <a:xfrm>
              <a:off x="326571" y="4490210"/>
              <a:ext cx="8490858" cy="400110"/>
            </a:xfrm>
            <a:prstGeom prst="rect">
              <a:avLst/>
            </a:prstGeom>
            <a:noFill/>
          </p:spPr>
          <p:txBody>
            <a:bodyPr wrap="square">
              <a:spAutoFit/>
            </a:bodyPr>
            <a:lstStyle/>
            <a:p>
              <a:pPr lvl="0" algn="ctr"/>
              <a:r>
                <a:rPr lang="vi-VN" sz="2000" b="1" i="1" dirty="0">
                  <a:solidFill>
                    <a:srgbClr val="000000"/>
                  </a:solidFill>
                  <a:effectLst/>
                  <a:latin typeface="Arial" panose="020B0604020202020204" pitchFamily="34" charset="0"/>
                  <a:cs typeface="Arial" panose="020B0604020202020204" pitchFamily="34" charset="0"/>
                </a:rPr>
                <a:t>Được đào tạo trình độ trung cấp về lĩnh vực kĩ thuật, công nghệ.</a:t>
              </a:r>
              <a:endParaRPr lang="vi-VN" sz="2000" b="1" i="1" dirty="0">
                <a:effectLst/>
                <a:latin typeface="Arial" panose="020B0604020202020204" pitchFamily="34" charset="0"/>
                <a:cs typeface="Arial" panose="020B0604020202020204" pitchFamily="34" charset="0"/>
              </a:endParaRPr>
            </a:p>
          </p:txBody>
        </p:sp>
        <p:sp>
          <p:nvSpPr>
            <p:cNvPr id="13" name="Freeform 79">
              <a:extLst>
                <a:ext uri="{FF2B5EF4-FFF2-40B4-BE49-F238E27FC236}">
                  <a16:creationId xmlns:a16="http://schemas.microsoft.com/office/drawing/2014/main" xmlns="" id="{2E47D99F-070A-2152-6516-D45A7D948196}"/>
                </a:ext>
              </a:extLst>
            </p:cNvPr>
            <p:cNvSpPr/>
            <p:nvPr/>
          </p:nvSpPr>
          <p:spPr>
            <a:xfrm flipV="1">
              <a:off x="250090" y="4596685"/>
              <a:ext cx="344996" cy="187160"/>
            </a:xfrm>
            <a:custGeom>
              <a:avLst/>
              <a:gdLst/>
              <a:ahLst/>
              <a:cxnLst/>
              <a:rect l="l" t="t" r="r" b="b"/>
              <a:pathLst>
                <a:path w="1288707" h="699123">
                  <a:moveTo>
                    <a:pt x="0" y="0"/>
                  </a:moveTo>
                  <a:lnTo>
                    <a:pt x="1288706" y="0"/>
                  </a:lnTo>
                  <a:lnTo>
                    <a:pt x="1288706" y="699123"/>
                  </a:lnTo>
                  <a:lnTo>
                    <a:pt x="0" y="699123"/>
                  </a:lnTo>
                  <a:lnTo>
                    <a:pt x="0" y="0"/>
                  </a:lnTo>
                  <a:close/>
                </a:path>
              </a:pathLst>
            </a:custGeom>
            <a:blipFill>
              <a:blip r:embed="rId6">
                <a:extLst>
                  <a:ext uri="{96DAC541-7B7A-43D3-8B79-37D633B846F1}">
                    <asvg:svgBlip xmlns:asvg="http://schemas.microsoft.com/office/drawing/2016/SVG/main" xmlns="" r:embed="rId7"/>
                  </a:ext>
                </a:extLst>
              </a:blip>
              <a:stretch>
                <a:fillRect/>
              </a:stretch>
            </a:blipFill>
          </p:spPr>
        </p:sp>
      </p:grpSp>
      <p:grpSp>
        <p:nvGrpSpPr>
          <p:cNvPr id="15" name="Group 14">
            <a:extLst>
              <a:ext uri="{FF2B5EF4-FFF2-40B4-BE49-F238E27FC236}">
                <a16:creationId xmlns:a16="http://schemas.microsoft.com/office/drawing/2014/main" xmlns="" id="{668BF37E-13E8-D1E7-D4F3-3E9A95586015}"/>
              </a:ext>
            </a:extLst>
          </p:cNvPr>
          <p:cNvGrpSpPr/>
          <p:nvPr/>
        </p:nvGrpSpPr>
        <p:grpSpPr>
          <a:xfrm>
            <a:off x="71592" y="4490210"/>
            <a:ext cx="9000813" cy="400110"/>
            <a:chOff x="250090" y="4490210"/>
            <a:chExt cx="9000813" cy="400110"/>
          </a:xfrm>
        </p:grpSpPr>
        <p:sp>
          <p:nvSpPr>
            <p:cNvPr id="16" name="TextBox 15">
              <a:extLst>
                <a:ext uri="{FF2B5EF4-FFF2-40B4-BE49-F238E27FC236}">
                  <a16:creationId xmlns:a16="http://schemas.microsoft.com/office/drawing/2014/main" xmlns="" id="{BBF961B7-EB0C-150D-DC9E-1532C70B4064}"/>
                </a:ext>
              </a:extLst>
            </p:cNvPr>
            <p:cNvSpPr txBox="1"/>
            <p:nvPr/>
          </p:nvSpPr>
          <p:spPr>
            <a:xfrm>
              <a:off x="326570" y="4490210"/>
              <a:ext cx="8924333" cy="400110"/>
            </a:xfrm>
            <a:prstGeom prst="rect">
              <a:avLst/>
            </a:prstGeom>
            <a:noFill/>
          </p:spPr>
          <p:txBody>
            <a:bodyPr wrap="square">
              <a:spAutoFit/>
            </a:bodyPr>
            <a:lstStyle/>
            <a:p>
              <a:pPr lvl="0" algn="ctr"/>
              <a:r>
                <a:rPr lang="vi-VN" sz="2000" b="1" i="1" dirty="0">
                  <a:solidFill>
                    <a:srgbClr val="000000"/>
                  </a:solidFill>
                  <a:effectLst/>
                  <a:latin typeface="Arial" panose="020B0604020202020204" pitchFamily="34" charset="0"/>
                  <a:cs typeface="Arial" panose="020B0604020202020204" pitchFamily="34" charset="0"/>
                </a:rPr>
                <a:t>Vừa học chương trình THPT vừa học nghề lĩnh vực kĩ thuật, công nghệ.</a:t>
              </a:r>
              <a:endParaRPr lang="vi-VN" sz="2000" b="1" i="1" dirty="0">
                <a:effectLst/>
                <a:latin typeface="Arial" panose="020B0604020202020204" pitchFamily="34" charset="0"/>
                <a:cs typeface="Arial" panose="020B0604020202020204" pitchFamily="34" charset="0"/>
              </a:endParaRPr>
            </a:p>
          </p:txBody>
        </p:sp>
        <p:sp>
          <p:nvSpPr>
            <p:cNvPr id="17" name="Freeform 79">
              <a:extLst>
                <a:ext uri="{FF2B5EF4-FFF2-40B4-BE49-F238E27FC236}">
                  <a16:creationId xmlns:a16="http://schemas.microsoft.com/office/drawing/2014/main" xmlns="" id="{24A9B843-D946-6F97-9EF9-433AB7460F4F}"/>
                </a:ext>
              </a:extLst>
            </p:cNvPr>
            <p:cNvSpPr/>
            <p:nvPr/>
          </p:nvSpPr>
          <p:spPr>
            <a:xfrm flipV="1">
              <a:off x="250090" y="4596685"/>
              <a:ext cx="205156" cy="194722"/>
            </a:xfrm>
            <a:custGeom>
              <a:avLst/>
              <a:gdLst/>
              <a:ahLst/>
              <a:cxnLst/>
              <a:rect l="l" t="t" r="r" b="b"/>
              <a:pathLst>
                <a:path w="1288707" h="699123">
                  <a:moveTo>
                    <a:pt x="0" y="0"/>
                  </a:moveTo>
                  <a:lnTo>
                    <a:pt x="1288706" y="0"/>
                  </a:lnTo>
                  <a:lnTo>
                    <a:pt x="1288706" y="699123"/>
                  </a:lnTo>
                  <a:lnTo>
                    <a:pt x="0" y="699123"/>
                  </a:lnTo>
                  <a:lnTo>
                    <a:pt x="0" y="0"/>
                  </a:lnTo>
                  <a:close/>
                </a:path>
              </a:pathLst>
            </a:custGeom>
            <a:blipFill>
              <a:blip r:embed="rId6">
                <a:extLst>
                  <a:ext uri="{96DAC541-7B7A-43D3-8B79-37D633B846F1}">
                    <asvg:svgBlip xmlns:asvg="http://schemas.microsoft.com/office/drawing/2016/SVG/main" xmlns="" r:embed="rId7"/>
                  </a:ext>
                </a:extLst>
              </a:blip>
              <a:stretch>
                <a:fillRect/>
              </a:stretch>
            </a:blipFill>
          </p:spPr>
        </p:sp>
      </p:grpSp>
    </p:spTree>
    <p:custDataLst>
      <p:tags r:id="rId1"/>
    </p:custDataLst>
    <p:extLst>
      <p:ext uri="{BB962C8B-B14F-4D97-AF65-F5344CB8AC3E}">
        <p14:creationId xmlns:p14="http://schemas.microsoft.com/office/powerpoint/2010/main" val="4156585310"/>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blinds(horizontal)">
                                      <p:cBhvr>
                                        <p:cTn id="7" dur="500"/>
                                        <p:tgtEl>
                                          <p:spTgt spid="5"/>
                                        </p:tgtEl>
                                      </p:cBhvr>
                                    </p:animEffect>
                                  </p:childTnLst>
                                </p:cTn>
                              </p:par>
                              <p:par>
                                <p:cTn id="8" presetID="22" presetClass="entr" presetSubtype="1" fill="hold" nodeType="withEffect">
                                  <p:stCondLst>
                                    <p:cond delay="0"/>
                                  </p:stCondLst>
                                  <p:childTnLst>
                                    <p:set>
                                      <p:cBhvr>
                                        <p:cTn id="9" dur="1" fill="hold">
                                          <p:stCondLst>
                                            <p:cond delay="0"/>
                                          </p:stCondLst>
                                        </p:cTn>
                                        <p:tgtEl>
                                          <p:spTgt spid="7"/>
                                        </p:tgtEl>
                                        <p:attrNameLst>
                                          <p:attrName>style.visibility</p:attrName>
                                        </p:attrNameLst>
                                      </p:cBhvr>
                                      <p:to>
                                        <p:strVal val="visible"/>
                                      </p:to>
                                    </p:set>
                                    <p:animEffect transition="in" filter="wipe(up)">
                                      <p:cBhvr>
                                        <p:cTn id="10" dur="500"/>
                                        <p:tgtEl>
                                          <p:spTgt spid="7"/>
                                        </p:tgtEl>
                                      </p:cBhvr>
                                    </p:animEffect>
                                  </p:childTnLst>
                                </p:cTn>
                              </p:par>
                              <p:par>
                                <p:cTn id="11" presetID="22" presetClass="entr" presetSubtype="1" fill="hold" nodeType="withEffect">
                                  <p:stCondLst>
                                    <p:cond delay="0"/>
                                  </p:stCondLst>
                                  <p:childTnLst>
                                    <p:set>
                                      <p:cBhvr>
                                        <p:cTn id="12" dur="1" fill="hold">
                                          <p:stCondLst>
                                            <p:cond delay="0"/>
                                          </p:stCondLst>
                                        </p:cTn>
                                        <p:tgtEl>
                                          <p:spTgt spid="8"/>
                                        </p:tgtEl>
                                        <p:attrNameLst>
                                          <p:attrName>style.visibility</p:attrName>
                                        </p:attrNameLst>
                                      </p:cBhvr>
                                      <p:to>
                                        <p:strVal val="visible"/>
                                      </p:to>
                                    </p:set>
                                    <p:animEffect transition="in" filter="wipe(up)">
                                      <p:cBhvr>
                                        <p:cTn id="13" dur="500"/>
                                        <p:tgtEl>
                                          <p:spTgt spid="8"/>
                                        </p:tgtEl>
                                      </p:cBhvr>
                                    </p:animEffect>
                                  </p:childTnLst>
                                </p:cTn>
                              </p:par>
                            </p:childTnLst>
                          </p:cTn>
                        </p:par>
                      </p:childTnLst>
                    </p:cTn>
                  </p:par>
                  <p:par>
                    <p:cTn id="14" fill="hold">
                      <p:stCondLst>
                        <p:cond delay="indefinite"/>
                      </p:stCondLst>
                      <p:childTnLst>
                        <p:par>
                          <p:cTn id="15" fill="hold">
                            <p:stCondLst>
                              <p:cond delay="0"/>
                            </p:stCondLst>
                            <p:childTnLst>
                              <p:par>
                                <p:cTn id="16" presetID="22" presetClass="entr" presetSubtype="8" fill="hold" nodeType="clickEffect">
                                  <p:stCondLst>
                                    <p:cond delay="0"/>
                                  </p:stCondLst>
                                  <p:childTnLst>
                                    <p:set>
                                      <p:cBhvr>
                                        <p:cTn id="17" dur="1" fill="hold">
                                          <p:stCondLst>
                                            <p:cond delay="0"/>
                                          </p:stCondLst>
                                        </p:cTn>
                                        <p:tgtEl>
                                          <p:spTgt spid="14"/>
                                        </p:tgtEl>
                                        <p:attrNameLst>
                                          <p:attrName>style.visibility</p:attrName>
                                        </p:attrNameLst>
                                      </p:cBhvr>
                                      <p:to>
                                        <p:strVal val="visible"/>
                                      </p:to>
                                    </p:set>
                                    <p:animEffect transition="in" filter="wipe(left)">
                                      <p:cBhvr>
                                        <p:cTn id="18" dur="500"/>
                                        <p:tgtEl>
                                          <p:spTgt spid="14"/>
                                        </p:tgtEl>
                                      </p:cBhvr>
                                    </p:animEffect>
                                  </p:childTnLst>
                                </p:cTn>
                              </p:par>
                            </p:childTnLst>
                          </p:cTn>
                        </p:par>
                      </p:childTnLst>
                    </p:cTn>
                  </p:par>
                  <p:par>
                    <p:cTn id="19" fill="hold">
                      <p:stCondLst>
                        <p:cond delay="indefinite"/>
                      </p:stCondLst>
                      <p:childTnLst>
                        <p:par>
                          <p:cTn id="20" fill="hold">
                            <p:stCondLst>
                              <p:cond delay="0"/>
                            </p:stCondLst>
                            <p:childTnLst>
                              <p:par>
                                <p:cTn id="21" presetID="22" presetClass="exit" presetSubtype="4" fill="hold" nodeType="clickEffect">
                                  <p:stCondLst>
                                    <p:cond delay="0"/>
                                  </p:stCondLst>
                                  <p:childTnLst>
                                    <p:animEffect transition="out" filter="wipe(down)">
                                      <p:cBhvr>
                                        <p:cTn id="22" dur="500"/>
                                        <p:tgtEl>
                                          <p:spTgt spid="14"/>
                                        </p:tgtEl>
                                      </p:cBhvr>
                                    </p:animEffect>
                                    <p:set>
                                      <p:cBhvr>
                                        <p:cTn id="23" dur="1" fill="hold">
                                          <p:stCondLst>
                                            <p:cond delay="499"/>
                                          </p:stCondLst>
                                        </p:cTn>
                                        <p:tgtEl>
                                          <p:spTgt spid="14"/>
                                        </p:tgtEl>
                                        <p:attrNameLst>
                                          <p:attrName>style.visibility</p:attrName>
                                        </p:attrNameLst>
                                      </p:cBhvr>
                                      <p:to>
                                        <p:strVal val="hidden"/>
                                      </p:to>
                                    </p:set>
                                  </p:childTnLst>
                                </p:cTn>
                              </p:par>
                            </p:childTnLst>
                          </p:cTn>
                        </p:par>
                      </p:childTnLst>
                    </p:cTn>
                  </p:par>
                  <p:par>
                    <p:cTn id="24" fill="hold">
                      <p:stCondLst>
                        <p:cond delay="indefinite"/>
                      </p:stCondLst>
                      <p:childTnLst>
                        <p:par>
                          <p:cTn id="25" fill="hold">
                            <p:stCondLst>
                              <p:cond delay="0"/>
                            </p:stCondLst>
                            <p:childTnLst>
                              <p:par>
                                <p:cTn id="26" presetID="22" presetClass="entr" presetSubtype="8" fill="hold" nodeType="clickEffect">
                                  <p:stCondLst>
                                    <p:cond delay="0"/>
                                  </p:stCondLst>
                                  <p:childTnLst>
                                    <p:set>
                                      <p:cBhvr>
                                        <p:cTn id="27" dur="1" fill="hold">
                                          <p:stCondLst>
                                            <p:cond delay="0"/>
                                          </p:stCondLst>
                                        </p:cTn>
                                        <p:tgtEl>
                                          <p:spTgt spid="15"/>
                                        </p:tgtEl>
                                        <p:attrNameLst>
                                          <p:attrName>style.visibility</p:attrName>
                                        </p:attrNameLst>
                                      </p:cBhvr>
                                      <p:to>
                                        <p:strVal val="visible"/>
                                      </p:to>
                                    </p:set>
                                    <p:animEffect transition="in" filter="wipe(left)">
                                      <p:cBhvr>
                                        <p:cTn id="28"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737"/>
        <p:cNvGrpSpPr/>
        <p:nvPr/>
      </p:nvGrpSpPr>
      <p:grpSpPr>
        <a:xfrm>
          <a:off x="0" y="0"/>
          <a:ext cx="0" cy="0"/>
          <a:chOff x="0" y="0"/>
          <a:chExt cx="0" cy="0"/>
        </a:xfrm>
      </p:grpSpPr>
      <p:sp>
        <p:nvSpPr>
          <p:cNvPr id="5" name="Title 4">
            <a:extLst>
              <a:ext uri="{FF2B5EF4-FFF2-40B4-BE49-F238E27FC236}">
                <a16:creationId xmlns:a16="http://schemas.microsoft.com/office/drawing/2014/main" xmlns="" id="{28435344-7EE0-B435-3AF6-9E7579377C4B}"/>
              </a:ext>
            </a:extLst>
          </p:cNvPr>
          <p:cNvSpPr>
            <a:spLocks noGrp="1"/>
          </p:cNvSpPr>
          <p:nvPr>
            <p:ph type="title"/>
          </p:nvPr>
        </p:nvSpPr>
        <p:spPr>
          <a:xfrm>
            <a:off x="720000" y="336299"/>
            <a:ext cx="7704000" cy="646500"/>
          </a:xfrm>
        </p:spPr>
        <p:txBody>
          <a:bodyPr anchor="ctr"/>
          <a:lstStyle/>
          <a:p>
            <a:pPr algn="ctr"/>
            <a:r>
              <a:rPr lang="vi-VN" sz="2400" b="1" dirty="0">
                <a:solidFill>
                  <a:srgbClr val="DC7C12"/>
                </a:solidFill>
                <a:effectLst/>
                <a:latin typeface="Arial" panose="020B0604020202020204" pitchFamily="34" charset="0"/>
                <a:cs typeface="Arial" panose="020B0604020202020204" pitchFamily="34" charset="0"/>
              </a:rPr>
              <a:t>Quan sát thông tin SGK.13 và thực hiện yêu cầu</a:t>
            </a:r>
            <a:endParaRPr lang="vi-VN" sz="2400" b="1" dirty="0">
              <a:solidFill>
                <a:srgbClr val="DC7C12"/>
              </a:solidFill>
              <a:latin typeface="Arial" panose="020B0604020202020204" pitchFamily="34" charset="0"/>
              <a:cs typeface="Arial" panose="020B0604020202020204" pitchFamily="34" charset="0"/>
            </a:endParaRPr>
          </a:p>
        </p:txBody>
      </p:sp>
      <p:grpSp>
        <p:nvGrpSpPr>
          <p:cNvPr id="12" name="Group 11">
            <a:extLst>
              <a:ext uri="{FF2B5EF4-FFF2-40B4-BE49-F238E27FC236}">
                <a16:creationId xmlns:a16="http://schemas.microsoft.com/office/drawing/2014/main" xmlns="" id="{0EAA6F9A-071F-74E1-7B69-B41CCCD58C08}"/>
              </a:ext>
            </a:extLst>
          </p:cNvPr>
          <p:cNvGrpSpPr/>
          <p:nvPr/>
        </p:nvGrpSpPr>
        <p:grpSpPr>
          <a:xfrm>
            <a:off x="4092462" y="1960091"/>
            <a:ext cx="4478283" cy="2378286"/>
            <a:chOff x="1069578" y="1903923"/>
            <a:chExt cx="4478283" cy="2378286"/>
          </a:xfrm>
        </p:grpSpPr>
        <p:grpSp>
          <p:nvGrpSpPr>
            <p:cNvPr id="13" name="Group 12">
              <a:extLst>
                <a:ext uri="{FF2B5EF4-FFF2-40B4-BE49-F238E27FC236}">
                  <a16:creationId xmlns:a16="http://schemas.microsoft.com/office/drawing/2014/main" xmlns="" id="{7880961F-D14A-2E04-17EE-21EF7C30A75A}"/>
                </a:ext>
              </a:extLst>
            </p:cNvPr>
            <p:cNvGrpSpPr/>
            <p:nvPr/>
          </p:nvGrpSpPr>
          <p:grpSpPr>
            <a:xfrm>
              <a:off x="1069578" y="1903923"/>
              <a:ext cx="4478283" cy="2378286"/>
              <a:chOff x="996092" y="1248504"/>
              <a:chExt cx="4478283" cy="2378286"/>
            </a:xfrm>
          </p:grpSpPr>
          <p:sp>
            <p:nvSpPr>
              <p:cNvPr id="15" name="Rectangle: Diagonal Corners Rounded 14">
                <a:extLst>
                  <a:ext uri="{FF2B5EF4-FFF2-40B4-BE49-F238E27FC236}">
                    <a16:creationId xmlns:a16="http://schemas.microsoft.com/office/drawing/2014/main" xmlns="" id="{13D628D4-BB87-5730-4005-6AAAFDDF16F7}"/>
                  </a:ext>
                </a:extLst>
              </p:cNvPr>
              <p:cNvSpPr/>
              <p:nvPr/>
            </p:nvSpPr>
            <p:spPr>
              <a:xfrm flipH="1">
                <a:off x="1175981" y="1506081"/>
                <a:ext cx="4298394" cy="2120709"/>
              </a:xfrm>
              <a:prstGeom prst="round2DiagRect">
                <a:avLst>
                  <a:gd name="adj1" fmla="val 22831"/>
                  <a:gd name="adj2" fmla="val 0"/>
                </a:avLst>
              </a:prstGeom>
              <a:solidFill>
                <a:srgbClr val="D7EDDD"/>
              </a:solidFill>
              <a:ln>
                <a:solidFill>
                  <a:srgbClr val="D7EDDD"/>
                </a:solidFill>
              </a:ln>
            </p:spPr>
            <p:style>
              <a:lnRef idx="2">
                <a:schemeClr val="accent1">
                  <a:shade val="15000"/>
                </a:schemeClr>
              </a:lnRef>
              <a:fillRef idx="1">
                <a:schemeClr val="accent1"/>
              </a:fillRef>
              <a:effectRef idx="0">
                <a:schemeClr val="accent1"/>
              </a:effectRef>
              <a:fontRef idx="minor">
                <a:schemeClr val="lt1"/>
              </a:fontRef>
            </p:style>
            <p:txBody>
              <a:bodyPr bIns="108000" rtlCol="0" anchor="ctr"/>
              <a:lstStyle/>
              <a:p>
                <a:pPr algn="just">
                  <a:lnSpc>
                    <a:spcPct val="150000"/>
                  </a:lnSpc>
                </a:pPr>
                <a:r>
                  <a:rPr lang="vi-VN" sz="2000" dirty="0">
                    <a:solidFill>
                      <a:srgbClr val="000000"/>
                    </a:solidFill>
                    <a:effectLst/>
                    <a:latin typeface="Arial" panose="020B0604020202020204" pitchFamily="34" charset="0"/>
                    <a:cs typeface="Arial" panose="020B0604020202020204" pitchFamily="34" charset="0"/>
                  </a:rPr>
                  <a:t>Vì sao nói hiện nay học sinh phổ thông có nhiều lựa chọn nghề nghiệp kĩ thuật, công nghệ?</a:t>
                </a:r>
                <a:endParaRPr lang="vi-VN" sz="2000" dirty="0">
                  <a:effectLst/>
                  <a:latin typeface="Arial" panose="020B0604020202020204" pitchFamily="34" charset="0"/>
                  <a:cs typeface="Arial" panose="020B0604020202020204" pitchFamily="34" charset="0"/>
                </a:endParaRPr>
              </a:p>
            </p:txBody>
          </p:sp>
          <p:sp>
            <p:nvSpPr>
              <p:cNvPr id="16" name="Speech Bubble: Rectangle with Corners Rounded 19">
                <a:extLst>
                  <a:ext uri="{FF2B5EF4-FFF2-40B4-BE49-F238E27FC236}">
                    <a16:creationId xmlns:a16="http://schemas.microsoft.com/office/drawing/2014/main" xmlns="" id="{03E7CC1C-DC39-DFE2-5625-7C416ED5FFB4}"/>
                  </a:ext>
                </a:extLst>
              </p:cNvPr>
              <p:cNvSpPr/>
              <p:nvPr/>
            </p:nvSpPr>
            <p:spPr>
              <a:xfrm>
                <a:off x="996092" y="1248504"/>
                <a:ext cx="596723" cy="478358"/>
              </a:xfrm>
              <a:custGeom>
                <a:avLst/>
                <a:gdLst>
                  <a:gd name="connsiteX0" fmla="*/ 0 w 478358"/>
                  <a:gd name="connsiteY0" fmla="*/ 79728 h 478358"/>
                  <a:gd name="connsiteX1" fmla="*/ 79728 w 478358"/>
                  <a:gd name="connsiteY1" fmla="*/ 0 h 478358"/>
                  <a:gd name="connsiteX2" fmla="*/ 279042 w 478358"/>
                  <a:gd name="connsiteY2" fmla="*/ 0 h 478358"/>
                  <a:gd name="connsiteX3" fmla="*/ 279042 w 478358"/>
                  <a:gd name="connsiteY3" fmla="*/ 0 h 478358"/>
                  <a:gd name="connsiteX4" fmla="*/ 398632 w 478358"/>
                  <a:gd name="connsiteY4" fmla="*/ 0 h 478358"/>
                  <a:gd name="connsiteX5" fmla="*/ 398630 w 478358"/>
                  <a:gd name="connsiteY5" fmla="*/ 0 h 478358"/>
                  <a:gd name="connsiteX6" fmla="*/ 478358 w 478358"/>
                  <a:gd name="connsiteY6" fmla="*/ 79728 h 478358"/>
                  <a:gd name="connsiteX7" fmla="*/ 478358 w 478358"/>
                  <a:gd name="connsiteY7" fmla="*/ 279042 h 478358"/>
                  <a:gd name="connsiteX8" fmla="*/ 596723 w 478358"/>
                  <a:gd name="connsiteY8" fmla="*/ 305924 h 478358"/>
                  <a:gd name="connsiteX9" fmla="*/ 478358 w 478358"/>
                  <a:gd name="connsiteY9" fmla="*/ 398632 h 478358"/>
                  <a:gd name="connsiteX10" fmla="*/ 478358 w 478358"/>
                  <a:gd name="connsiteY10" fmla="*/ 398630 h 478358"/>
                  <a:gd name="connsiteX11" fmla="*/ 398630 w 478358"/>
                  <a:gd name="connsiteY11" fmla="*/ 478358 h 478358"/>
                  <a:gd name="connsiteX12" fmla="*/ 398632 w 478358"/>
                  <a:gd name="connsiteY12" fmla="*/ 478358 h 478358"/>
                  <a:gd name="connsiteX13" fmla="*/ 279042 w 478358"/>
                  <a:gd name="connsiteY13" fmla="*/ 478358 h 478358"/>
                  <a:gd name="connsiteX14" fmla="*/ 279042 w 478358"/>
                  <a:gd name="connsiteY14" fmla="*/ 478358 h 478358"/>
                  <a:gd name="connsiteX15" fmla="*/ 79728 w 478358"/>
                  <a:gd name="connsiteY15" fmla="*/ 478358 h 478358"/>
                  <a:gd name="connsiteX16" fmla="*/ 0 w 478358"/>
                  <a:gd name="connsiteY16" fmla="*/ 398630 h 478358"/>
                  <a:gd name="connsiteX17" fmla="*/ 0 w 478358"/>
                  <a:gd name="connsiteY17" fmla="*/ 398632 h 478358"/>
                  <a:gd name="connsiteX18" fmla="*/ 0 w 478358"/>
                  <a:gd name="connsiteY18" fmla="*/ 279042 h 478358"/>
                  <a:gd name="connsiteX19" fmla="*/ 0 w 478358"/>
                  <a:gd name="connsiteY19" fmla="*/ 279042 h 478358"/>
                  <a:gd name="connsiteX20" fmla="*/ 0 w 478358"/>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305924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422038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596723" h="478358">
                    <a:moveTo>
                      <a:pt x="0" y="79728"/>
                    </a:moveTo>
                    <a:cubicBezTo>
                      <a:pt x="0" y="35695"/>
                      <a:pt x="35695" y="0"/>
                      <a:pt x="79728" y="0"/>
                    </a:cubicBezTo>
                    <a:lnTo>
                      <a:pt x="279042" y="0"/>
                    </a:lnTo>
                    <a:lnTo>
                      <a:pt x="279042" y="0"/>
                    </a:lnTo>
                    <a:lnTo>
                      <a:pt x="398632" y="0"/>
                    </a:lnTo>
                    <a:lnTo>
                      <a:pt x="398630" y="0"/>
                    </a:lnTo>
                    <a:cubicBezTo>
                      <a:pt x="442663" y="0"/>
                      <a:pt x="478358" y="35695"/>
                      <a:pt x="478358" y="79728"/>
                    </a:cubicBezTo>
                    <a:lnTo>
                      <a:pt x="478358" y="279042"/>
                    </a:lnTo>
                    <a:lnTo>
                      <a:pt x="596723" y="422038"/>
                    </a:lnTo>
                    <a:lnTo>
                      <a:pt x="478358" y="398632"/>
                    </a:lnTo>
                    <a:lnTo>
                      <a:pt x="478358" y="340573"/>
                    </a:lnTo>
                    <a:cubicBezTo>
                      <a:pt x="478358" y="384606"/>
                      <a:pt x="442663" y="478358"/>
                      <a:pt x="398630" y="478358"/>
                    </a:cubicBezTo>
                    <a:lnTo>
                      <a:pt x="398632" y="478358"/>
                    </a:lnTo>
                    <a:lnTo>
                      <a:pt x="279042" y="478358"/>
                    </a:lnTo>
                    <a:lnTo>
                      <a:pt x="279042" y="478358"/>
                    </a:lnTo>
                    <a:lnTo>
                      <a:pt x="79728" y="478358"/>
                    </a:lnTo>
                    <a:cubicBezTo>
                      <a:pt x="35695" y="478358"/>
                      <a:pt x="0" y="442663"/>
                      <a:pt x="0" y="398630"/>
                    </a:cubicBezTo>
                    <a:lnTo>
                      <a:pt x="0" y="398632"/>
                    </a:lnTo>
                    <a:lnTo>
                      <a:pt x="0" y="279042"/>
                    </a:lnTo>
                    <a:lnTo>
                      <a:pt x="0" y="279042"/>
                    </a:lnTo>
                    <a:lnTo>
                      <a:pt x="0" y="79728"/>
                    </a:lnTo>
                    <a:close/>
                  </a:path>
                </a:pathLst>
              </a:custGeom>
              <a:solidFill>
                <a:srgbClr val="00AEEF"/>
              </a:solidFill>
              <a:ln w="19050">
                <a:solidFill>
                  <a:schemeClr val="accent6"/>
                </a:solidFill>
              </a:ln>
            </p:spPr>
            <p:style>
              <a:lnRef idx="3">
                <a:schemeClr val="lt1"/>
              </a:lnRef>
              <a:fillRef idx="1">
                <a:schemeClr val="accent4"/>
              </a:fillRef>
              <a:effectRef idx="1">
                <a:schemeClr val="accent4"/>
              </a:effectRef>
              <a:fontRef idx="minor">
                <a:schemeClr val="lt1"/>
              </a:fontRef>
            </p:style>
            <p:txBody>
              <a:bodyPr rtlCol="0" anchor="ctr"/>
              <a:lstStyle/>
              <a:p>
                <a:pPr algn="ctr"/>
                <a:endParaRPr lang="vi-VN">
                  <a:latin typeface="Arial" panose="020B0604020202020204" pitchFamily="34" charset="0"/>
                  <a:cs typeface="Arial" panose="020B0604020202020204" pitchFamily="34" charset="0"/>
                </a:endParaRPr>
              </a:p>
            </p:txBody>
          </p:sp>
        </p:grpSp>
        <p:pic>
          <p:nvPicPr>
            <p:cNvPr id="14" name="Picture 13">
              <a:extLst>
                <a:ext uri="{FF2B5EF4-FFF2-40B4-BE49-F238E27FC236}">
                  <a16:creationId xmlns:a16="http://schemas.microsoft.com/office/drawing/2014/main" xmlns="" id="{0B4EBB9E-B795-0251-F044-A1570928CB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195815" y="1977508"/>
              <a:ext cx="224555" cy="352872"/>
            </a:xfrm>
            <a:prstGeom prst="rect">
              <a:avLst/>
            </a:prstGeom>
          </p:spPr>
        </p:pic>
      </p:grpSp>
      <p:sp>
        <p:nvSpPr>
          <p:cNvPr id="18" name="Arrow: Pentagon 17">
            <a:extLst>
              <a:ext uri="{FF2B5EF4-FFF2-40B4-BE49-F238E27FC236}">
                <a16:creationId xmlns:a16="http://schemas.microsoft.com/office/drawing/2014/main" xmlns="" id="{0ACCCD33-6262-9D65-D9F0-037170879D13}"/>
              </a:ext>
            </a:extLst>
          </p:cNvPr>
          <p:cNvSpPr/>
          <p:nvPr/>
        </p:nvSpPr>
        <p:spPr>
          <a:xfrm>
            <a:off x="117695" y="1210983"/>
            <a:ext cx="3525926" cy="559421"/>
          </a:xfrm>
          <a:prstGeom prst="homePlate">
            <a:avLst/>
          </a:prstGeom>
          <a:solidFill>
            <a:schemeClr val="bg1"/>
          </a:solidFill>
          <a:ln>
            <a:solidFill>
              <a:schemeClr val="bg1"/>
            </a:solidFill>
          </a:ln>
        </p:spPr>
        <p:style>
          <a:lnRef idx="1">
            <a:schemeClr val="accent2"/>
          </a:lnRef>
          <a:fillRef idx="2">
            <a:schemeClr val="accent2"/>
          </a:fillRef>
          <a:effectRef idx="1">
            <a:schemeClr val="accent2"/>
          </a:effectRef>
          <a:fontRef idx="minor">
            <a:schemeClr val="dk1"/>
          </a:fontRef>
        </p:style>
        <p:txBody>
          <a:bodyPr rtlCol="0" anchor="ctr"/>
          <a:lstStyle/>
          <a:p>
            <a:pPr algn="ctr"/>
            <a:r>
              <a:rPr lang="vi-VN" sz="2200" b="1">
                <a:solidFill>
                  <a:schemeClr val="bg2">
                    <a:lumMod val="10000"/>
                  </a:schemeClr>
                </a:solidFill>
                <a:latin typeface="Arial" panose="020B0604020202020204" pitchFamily="34" charset="0"/>
                <a:cs typeface="Arial" panose="020B0604020202020204" pitchFamily="34" charset="0"/>
              </a:rPr>
              <a:t>THẢO LUẬN NHÓM</a:t>
            </a:r>
          </a:p>
        </p:txBody>
      </p:sp>
      <p:sp>
        <p:nvSpPr>
          <p:cNvPr id="20" name="Freeform 23">
            <a:extLst>
              <a:ext uri="{FF2B5EF4-FFF2-40B4-BE49-F238E27FC236}">
                <a16:creationId xmlns:a16="http://schemas.microsoft.com/office/drawing/2014/main" xmlns="" id="{CFE6C21B-93A4-551F-4CA0-E0B05C3BDB52}"/>
              </a:ext>
            </a:extLst>
          </p:cNvPr>
          <p:cNvSpPr/>
          <p:nvPr/>
        </p:nvSpPr>
        <p:spPr>
          <a:xfrm>
            <a:off x="117695" y="2481478"/>
            <a:ext cx="3677165" cy="2209483"/>
          </a:xfrm>
          <a:custGeom>
            <a:avLst/>
            <a:gdLst/>
            <a:ahLst/>
            <a:cxnLst/>
            <a:rect l="l" t="t" r="r" b="b"/>
            <a:pathLst>
              <a:path w="1681688" h="1015128">
                <a:moveTo>
                  <a:pt x="0" y="0"/>
                </a:moveTo>
                <a:lnTo>
                  <a:pt x="1681687" y="0"/>
                </a:lnTo>
                <a:lnTo>
                  <a:pt x="1681687" y="1015128"/>
                </a:lnTo>
                <a:lnTo>
                  <a:pt x="0" y="1015128"/>
                </a:lnTo>
                <a:lnTo>
                  <a:pt x="0" y="0"/>
                </a:lnTo>
                <a:close/>
              </a:path>
            </a:pathLst>
          </a:custGeom>
          <a:blipFill>
            <a:blip r:embed="rId6">
              <a:extLst>
                <a:ext uri="{96DAC541-7B7A-43D3-8B79-37D633B846F1}">
                  <asvg:svgBlip xmlns:asvg="http://schemas.microsoft.com/office/drawing/2016/SVG/main" xmlns="" r:embed="rId7"/>
                </a:ext>
              </a:extLst>
            </a:blip>
            <a:stretch>
              <a:fillRect/>
            </a:stretch>
          </a:blipFill>
        </p:spPr>
      </p:sp>
    </p:spTree>
    <p:custDataLst>
      <p:tags r:id="rId1"/>
    </p:custDataLst>
    <p:extLst>
      <p:ext uri="{BB962C8B-B14F-4D97-AF65-F5344CB8AC3E}">
        <p14:creationId xmlns:p14="http://schemas.microsoft.com/office/powerpoint/2010/main" val="3818000213"/>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wipe(left)">
                                      <p:cBhvr>
                                        <p:cTn id="7" dur="500"/>
                                        <p:tgtEl>
                                          <p:spTgt spid="18"/>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nodeType="clickEffect">
                                  <p:stCondLst>
                                    <p:cond delay="0"/>
                                  </p:stCondLst>
                                  <p:childTnLst>
                                    <p:set>
                                      <p:cBhvr>
                                        <p:cTn id="11" dur="1" fill="hold">
                                          <p:stCondLst>
                                            <p:cond delay="0"/>
                                          </p:stCondLst>
                                        </p:cTn>
                                        <p:tgtEl>
                                          <p:spTgt spid="12"/>
                                        </p:tgtEl>
                                        <p:attrNameLst>
                                          <p:attrName>style.visibility</p:attrName>
                                        </p:attrNameLst>
                                      </p:cBhvr>
                                      <p:to>
                                        <p:strVal val="visible"/>
                                      </p:to>
                                    </p:set>
                                    <p:animEffect transition="in" filter="wipe(up)">
                                      <p:cBhvr>
                                        <p:cTn id="12"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368"/>
        <p:cNvGrpSpPr/>
        <p:nvPr/>
      </p:nvGrpSpPr>
      <p:grpSpPr>
        <a:xfrm>
          <a:off x="0" y="0"/>
          <a:ext cx="0" cy="0"/>
          <a:chOff x="0" y="0"/>
          <a:chExt cx="0" cy="0"/>
        </a:xfrm>
      </p:grpSpPr>
      <p:sp>
        <p:nvSpPr>
          <p:cNvPr id="3" name="Title 2">
            <a:extLst>
              <a:ext uri="{FF2B5EF4-FFF2-40B4-BE49-F238E27FC236}">
                <a16:creationId xmlns:a16="http://schemas.microsoft.com/office/drawing/2014/main" xmlns="" id="{3397391C-AC45-D650-FE5D-18AB203F89B4}"/>
              </a:ext>
            </a:extLst>
          </p:cNvPr>
          <p:cNvSpPr>
            <a:spLocks noGrp="1"/>
          </p:cNvSpPr>
          <p:nvPr>
            <p:ph type="title"/>
          </p:nvPr>
        </p:nvSpPr>
        <p:spPr>
          <a:xfrm>
            <a:off x="4975009" y="372585"/>
            <a:ext cx="3314970" cy="646500"/>
          </a:xfrm>
        </p:spPr>
        <p:txBody>
          <a:bodyPr anchor="ctr"/>
          <a:lstStyle/>
          <a:p>
            <a:pPr algn="ctr"/>
            <a:r>
              <a:rPr lang="vi-VN" sz="3200" b="1" dirty="0">
                <a:solidFill>
                  <a:schemeClr val="bg1">
                    <a:lumMod val="50000"/>
                  </a:schemeClr>
                </a:solidFill>
                <a:latin typeface="Arial" panose="020B0604020202020204" pitchFamily="34" charset="0"/>
                <a:cs typeface="Arial" panose="020B0604020202020204" pitchFamily="34" charset="0"/>
              </a:rPr>
              <a:t>KHỞI ĐỘNG</a:t>
            </a:r>
          </a:p>
        </p:txBody>
      </p:sp>
      <p:grpSp>
        <p:nvGrpSpPr>
          <p:cNvPr id="4" name="Group 3">
            <a:extLst>
              <a:ext uri="{FF2B5EF4-FFF2-40B4-BE49-F238E27FC236}">
                <a16:creationId xmlns:a16="http://schemas.microsoft.com/office/drawing/2014/main" xmlns="" id="{C196770A-8F9C-9332-DE83-210AE64E47A1}"/>
              </a:ext>
            </a:extLst>
          </p:cNvPr>
          <p:cNvGrpSpPr/>
          <p:nvPr/>
        </p:nvGrpSpPr>
        <p:grpSpPr>
          <a:xfrm>
            <a:off x="4572000" y="1019085"/>
            <a:ext cx="4104857" cy="2036173"/>
            <a:chOff x="219481" y="1302350"/>
            <a:chExt cx="4104857" cy="2036173"/>
          </a:xfrm>
        </p:grpSpPr>
        <p:sp>
          <p:nvSpPr>
            <p:cNvPr id="5" name="Rectangle: Diagonal Corners Rounded 4">
              <a:extLst>
                <a:ext uri="{FF2B5EF4-FFF2-40B4-BE49-F238E27FC236}">
                  <a16:creationId xmlns:a16="http://schemas.microsoft.com/office/drawing/2014/main" xmlns="" id="{77C0B11A-EC2E-34DB-DD9A-0CABF3F22861}"/>
                </a:ext>
              </a:extLst>
            </p:cNvPr>
            <p:cNvSpPr/>
            <p:nvPr/>
          </p:nvSpPr>
          <p:spPr>
            <a:xfrm flipH="1">
              <a:off x="412741" y="1541529"/>
              <a:ext cx="3911597" cy="1796994"/>
            </a:xfrm>
            <a:prstGeom prst="round2DiagRect">
              <a:avLst/>
            </a:prstGeom>
            <a:solidFill>
              <a:srgbClr val="FFFAC2"/>
            </a:solidFill>
            <a:ln>
              <a:solidFill>
                <a:srgbClr val="FFFAC2"/>
              </a:solidFill>
            </a:ln>
          </p:spPr>
          <p:style>
            <a:lnRef idx="2">
              <a:schemeClr val="accent1">
                <a:shade val="15000"/>
              </a:schemeClr>
            </a:lnRef>
            <a:fillRef idx="1">
              <a:schemeClr val="accent1"/>
            </a:fillRef>
            <a:effectRef idx="0">
              <a:schemeClr val="accent1"/>
            </a:effectRef>
            <a:fontRef idx="minor">
              <a:schemeClr val="lt1"/>
            </a:fontRef>
          </p:style>
          <p:txBody>
            <a:bodyPr bIns="108000" rtlCol="0" anchor="ctr"/>
            <a:lstStyle/>
            <a:p>
              <a:pPr algn="ctr">
                <a:lnSpc>
                  <a:spcPct val="150000"/>
                </a:lnSpc>
              </a:pPr>
              <a:r>
                <a:rPr lang="vi-VN" sz="1800" dirty="0">
                  <a:solidFill>
                    <a:srgbClr val="000000"/>
                  </a:solidFill>
                  <a:effectLst/>
                  <a:latin typeface="Arial" panose="020B0604020202020204" pitchFamily="34" charset="0"/>
                  <a:cs typeface="Arial" panose="020B0604020202020204" pitchFamily="34" charset="0"/>
                </a:rPr>
                <a:t>Hãy kể tên các cấp học và trình độ đào tạo trong cơ cấu hệ thống </a:t>
              </a:r>
            </a:p>
            <a:p>
              <a:pPr algn="ctr">
                <a:lnSpc>
                  <a:spcPct val="150000"/>
                </a:lnSpc>
              </a:pPr>
              <a:r>
                <a:rPr lang="vi-VN" sz="1800" dirty="0">
                  <a:solidFill>
                    <a:srgbClr val="000000"/>
                  </a:solidFill>
                  <a:effectLst/>
                  <a:latin typeface="Arial" panose="020B0604020202020204" pitchFamily="34" charset="0"/>
                  <a:cs typeface="Arial" panose="020B0604020202020204" pitchFamily="34" charset="0"/>
                </a:rPr>
                <a:t>giáo dục Việt Nam mà em biết.</a:t>
              </a:r>
              <a:endParaRPr lang="vi-VN" sz="1800" dirty="0">
                <a:effectLst/>
                <a:latin typeface="Arial" panose="020B0604020202020204" pitchFamily="34" charset="0"/>
                <a:cs typeface="Arial" panose="020B0604020202020204" pitchFamily="34" charset="0"/>
              </a:endParaRPr>
            </a:p>
          </p:txBody>
        </p:sp>
        <p:grpSp>
          <p:nvGrpSpPr>
            <p:cNvPr id="6" name="Group 5">
              <a:extLst>
                <a:ext uri="{FF2B5EF4-FFF2-40B4-BE49-F238E27FC236}">
                  <a16:creationId xmlns:a16="http://schemas.microsoft.com/office/drawing/2014/main" xmlns="" id="{196EC382-32BC-02D6-FE95-9830FDC60268}"/>
                </a:ext>
              </a:extLst>
            </p:cNvPr>
            <p:cNvGrpSpPr/>
            <p:nvPr/>
          </p:nvGrpSpPr>
          <p:grpSpPr>
            <a:xfrm>
              <a:off x="219481" y="1302350"/>
              <a:ext cx="478358" cy="478358"/>
              <a:chOff x="-61396" y="1225843"/>
              <a:chExt cx="631372" cy="631372"/>
            </a:xfrm>
          </p:grpSpPr>
          <p:sp>
            <p:nvSpPr>
              <p:cNvPr id="7" name="Flowchart: Connector 6">
                <a:extLst>
                  <a:ext uri="{FF2B5EF4-FFF2-40B4-BE49-F238E27FC236}">
                    <a16:creationId xmlns:a16="http://schemas.microsoft.com/office/drawing/2014/main" xmlns="" id="{A88DDED8-E7B6-43DF-98D2-E5C54757826E}"/>
                  </a:ext>
                </a:extLst>
              </p:cNvPr>
              <p:cNvSpPr/>
              <p:nvPr/>
            </p:nvSpPr>
            <p:spPr>
              <a:xfrm>
                <a:off x="-61396" y="1225843"/>
                <a:ext cx="631372" cy="631372"/>
              </a:xfrm>
              <a:prstGeom prst="flowChartConnector">
                <a:avLst/>
              </a:prstGeom>
              <a:solidFill>
                <a:srgbClr val="EE932E"/>
              </a:solidFill>
              <a:ln w="19050">
                <a:solidFill>
                  <a:schemeClr val="accent6"/>
                </a:solidFill>
              </a:ln>
            </p:spPr>
            <p:style>
              <a:lnRef idx="3">
                <a:schemeClr val="lt1"/>
              </a:lnRef>
              <a:fillRef idx="1">
                <a:schemeClr val="accent4"/>
              </a:fillRef>
              <a:effectRef idx="1">
                <a:schemeClr val="accent4"/>
              </a:effectRef>
              <a:fontRef idx="minor">
                <a:schemeClr val="lt1"/>
              </a:fontRef>
            </p:style>
            <p:txBody>
              <a:bodyPr rtlCol="0" anchor="ctr"/>
              <a:lstStyle/>
              <a:p>
                <a:pPr algn="ctr"/>
                <a:endParaRPr lang="vi-VN"/>
              </a:p>
            </p:txBody>
          </p:sp>
          <p:pic>
            <p:nvPicPr>
              <p:cNvPr id="8" name="Graphic 7" descr="Send">
                <a:extLst>
                  <a:ext uri="{FF2B5EF4-FFF2-40B4-BE49-F238E27FC236}">
                    <a16:creationId xmlns:a16="http://schemas.microsoft.com/office/drawing/2014/main" xmlns="" id="{8060BC39-FD5B-204F-10A4-E9D6C42D66E1}"/>
                  </a:ext>
                </a:extLst>
              </p:cNvPr>
              <p:cNvPicPr>
                <a:picLocks noChangeAspect="1"/>
              </p:cNvPicPr>
              <p:nvPr/>
            </p:nvPicPr>
            <p:blipFill>
              <a:blip r:embed="rId4">
                <a:extLst>
                  <a:ext uri="{96DAC541-7B7A-43D3-8B79-37D633B846F1}">
                    <asvg:svgBlip xmlns:asvg="http://schemas.microsoft.com/office/drawing/2016/SVG/main" xmlns="" r:embed="rId5"/>
                  </a:ext>
                </a:extLst>
              </a:blip>
              <a:stretch>
                <a:fillRect/>
              </a:stretch>
            </p:blipFill>
            <p:spPr>
              <a:xfrm rot="1639889">
                <a:off x="-61396" y="1274136"/>
                <a:ext cx="534786" cy="534786"/>
              </a:xfrm>
              <a:prstGeom prst="rect">
                <a:avLst/>
              </a:prstGeom>
            </p:spPr>
          </p:pic>
        </p:grpSp>
      </p:grpSp>
      <p:sp>
        <p:nvSpPr>
          <p:cNvPr id="9" name="Freeform 103">
            <a:extLst>
              <a:ext uri="{FF2B5EF4-FFF2-40B4-BE49-F238E27FC236}">
                <a16:creationId xmlns:a16="http://schemas.microsoft.com/office/drawing/2014/main" xmlns="" id="{A25A571C-48AD-1979-5F28-272A63D5F37F}"/>
              </a:ext>
            </a:extLst>
          </p:cNvPr>
          <p:cNvSpPr/>
          <p:nvPr/>
        </p:nvSpPr>
        <p:spPr>
          <a:xfrm>
            <a:off x="5314553" y="2901771"/>
            <a:ext cx="2975426" cy="2127429"/>
          </a:xfrm>
          <a:custGeom>
            <a:avLst/>
            <a:gdLst/>
            <a:ahLst/>
            <a:cxnLst/>
            <a:rect l="l" t="t" r="r" b="b"/>
            <a:pathLst>
              <a:path w="1154583" h="825527">
                <a:moveTo>
                  <a:pt x="0" y="0"/>
                </a:moveTo>
                <a:lnTo>
                  <a:pt x="1154583" y="0"/>
                </a:lnTo>
                <a:lnTo>
                  <a:pt x="1154583" y="825527"/>
                </a:lnTo>
                <a:lnTo>
                  <a:pt x="0" y="825527"/>
                </a:lnTo>
                <a:lnTo>
                  <a:pt x="0" y="0"/>
                </a:lnTo>
                <a:close/>
              </a:path>
            </a:pathLst>
          </a:custGeom>
          <a:blipFill>
            <a:blip r:embed="rId6"/>
            <a:stretch>
              <a:fillRect/>
            </a:stretch>
          </a:blipFill>
        </p:spPr>
      </p:sp>
      <p:pic>
        <p:nvPicPr>
          <p:cNvPr id="10" name="image27.png">
            <a:extLst>
              <a:ext uri="{FF2B5EF4-FFF2-40B4-BE49-F238E27FC236}">
                <a16:creationId xmlns:a16="http://schemas.microsoft.com/office/drawing/2014/main" xmlns="" id="{F1F20EFE-0275-488F-FC82-EC2CC0F7CE19}"/>
              </a:ext>
            </a:extLst>
          </p:cNvPr>
          <p:cNvPicPr preferRelativeResize="0"/>
          <p:nvPr/>
        </p:nvPicPr>
        <p:blipFill>
          <a:blip r:embed="rId7">
            <a:extLst>
              <a:ext uri="{BEBA8EAE-BF5A-486C-A8C5-ECC9F3942E4B}">
                <a14:imgProps xmlns:a14="http://schemas.microsoft.com/office/drawing/2010/main">
                  <a14:imgLayer r:embed="rId8">
                    <a14:imgEffect>
                      <a14:sharpenSoften amount="25000"/>
                    </a14:imgEffect>
                    <a14:imgEffect>
                      <a14:brightnessContrast contrast="20000"/>
                    </a14:imgEffect>
                  </a14:imgLayer>
                </a14:imgProps>
              </a:ext>
            </a:extLst>
          </a:blip>
          <a:srcRect/>
          <a:stretch>
            <a:fillRect/>
          </a:stretch>
        </p:blipFill>
        <p:spPr>
          <a:xfrm>
            <a:off x="0" y="0"/>
            <a:ext cx="4333766" cy="5143500"/>
          </a:xfrm>
          <a:prstGeom prst="rect">
            <a:avLst/>
          </a:prstGeom>
        </p:spPr>
      </p:pic>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up)">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1021"/>
        <p:cNvGrpSpPr/>
        <p:nvPr/>
      </p:nvGrpSpPr>
      <p:grpSpPr>
        <a:xfrm>
          <a:off x="0" y="0"/>
          <a:ext cx="0" cy="0"/>
          <a:chOff x="0" y="0"/>
          <a:chExt cx="0" cy="0"/>
        </a:xfrm>
      </p:grpSpPr>
      <p:sp>
        <p:nvSpPr>
          <p:cNvPr id="3" name="Title 2">
            <a:extLst>
              <a:ext uri="{FF2B5EF4-FFF2-40B4-BE49-F238E27FC236}">
                <a16:creationId xmlns:a16="http://schemas.microsoft.com/office/drawing/2014/main" xmlns="" id="{D106AC66-56EB-C43A-F0F1-8D94039A24D1}"/>
              </a:ext>
            </a:extLst>
          </p:cNvPr>
          <p:cNvSpPr>
            <a:spLocks noGrp="1"/>
          </p:cNvSpPr>
          <p:nvPr>
            <p:ph type="title"/>
          </p:nvPr>
        </p:nvSpPr>
        <p:spPr>
          <a:xfrm>
            <a:off x="720000" y="429772"/>
            <a:ext cx="7704000" cy="534557"/>
          </a:xfrm>
        </p:spPr>
        <p:txBody>
          <a:bodyPr anchor="ctr"/>
          <a:lstStyle/>
          <a:p>
            <a:pPr algn="ctr"/>
            <a:r>
              <a:rPr lang="vi-VN" sz="2400" b="1" dirty="0">
                <a:latin typeface="Arial" panose="020B0604020202020204" pitchFamily="34" charset="0"/>
                <a:cs typeface="Arial" panose="020B0604020202020204" pitchFamily="34" charset="0"/>
              </a:rPr>
              <a:t>Gợi ý trả lời</a:t>
            </a:r>
          </a:p>
        </p:txBody>
      </p:sp>
      <p:sp>
        <p:nvSpPr>
          <p:cNvPr id="4" name="Rectangle: Diagonal Corners Rounded 3">
            <a:extLst>
              <a:ext uri="{FF2B5EF4-FFF2-40B4-BE49-F238E27FC236}">
                <a16:creationId xmlns:a16="http://schemas.microsoft.com/office/drawing/2014/main" xmlns="" id="{775B408A-FC5E-CAB7-63BD-36352DAD9BE0}"/>
              </a:ext>
            </a:extLst>
          </p:cNvPr>
          <p:cNvSpPr/>
          <p:nvPr/>
        </p:nvSpPr>
        <p:spPr>
          <a:xfrm>
            <a:off x="380390" y="1181045"/>
            <a:ext cx="4079892" cy="1506372"/>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108000" rtlCol="0" anchor="ctr"/>
          <a:lstStyle/>
          <a:p>
            <a:pPr algn="just">
              <a:lnSpc>
                <a:spcPct val="150000"/>
              </a:lnSpc>
            </a:pPr>
            <a:r>
              <a:rPr lang="vi-VN" sz="1800" dirty="0">
                <a:latin typeface="Arial" panose="020B0604020202020204" pitchFamily="34" charset="0"/>
                <a:cs typeface="Arial" panose="020B0604020202020204" pitchFamily="34" charset="0"/>
              </a:rPr>
              <a:t>Khoa học, kĩ thuật và công nghệ ngày càng phát triển, tác động mạnh mẽ đến sản xuất và đời sống. </a:t>
            </a:r>
          </a:p>
        </p:txBody>
      </p:sp>
      <p:sp>
        <p:nvSpPr>
          <p:cNvPr id="5" name="Rectangle: Diagonal Corners Rounded 4">
            <a:extLst>
              <a:ext uri="{FF2B5EF4-FFF2-40B4-BE49-F238E27FC236}">
                <a16:creationId xmlns:a16="http://schemas.microsoft.com/office/drawing/2014/main" xmlns="" id="{E14952A9-4D75-0FC3-97DD-73B446A1644F}"/>
              </a:ext>
            </a:extLst>
          </p:cNvPr>
          <p:cNvSpPr/>
          <p:nvPr/>
        </p:nvSpPr>
        <p:spPr>
          <a:xfrm>
            <a:off x="4683718" y="1181045"/>
            <a:ext cx="4079892" cy="1506372"/>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108000" rtlCol="0" anchor="ctr"/>
          <a:lstStyle/>
          <a:p>
            <a:pPr algn="just">
              <a:lnSpc>
                <a:spcPct val="150000"/>
              </a:lnSpc>
            </a:pPr>
            <a:r>
              <a:rPr lang="vi-VN" sz="1800" dirty="0">
                <a:latin typeface="Arial" panose="020B0604020202020204" pitchFamily="34" charset="0"/>
                <a:cs typeface="Arial" panose="020B0604020202020204" pitchFamily="34" charset="0"/>
              </a:rPr>
              <a:t>Xã hội xuất hiện ngày càng nhiều nghề nghiệp ứng dụng kĩ thuật, công nghệ hiện đại.</a:t>
            </a:r>
          </a:p>
        </p:txBody>
      </p:sp>
      <p:grpSp>
        <p:nvGrpSpPr>
          <p:cNvPr id="6" name="Group 5">
            <a:extLst>
              <a:ext uri="{FF2B5EF4-FFF2-40B4-BE49-F238E27FC236}">
                <a16:creationId xmlns:a16="http://schemas.microsoft.com/office/drawing/2014/main" xmlns="" id="{3A62DDF9-72F3-13C5-82D4-C3D89DF7AA04}"/>
              </a:ext>
            </a:extLst>
          </p:cNvPr>
          <p:cNvGrpSpPr/>
          <p:nvPr/>
        </p:nvGrpSpPr>
        <p:grpSpPr>
          <a:xfrm>
            <a:off x="1158680" y="2904134"/>
            <a:ext cx="6826639" cy="1809594"/>
            <a:chOff x="1337177" y="4586630"/>
            <a:chExt cx="6826639" cy="1809594"/>
          </a:xfrm>
        </p:grpSpPr>
        <p:sp>
          <p:nvSpPr>
            <p:cNvPr id="7" name="TextBox 6">
              <a:extLst>
                <a:ext uri="{FF2B5EF4-FFF2-40B4-BE49-F238E27FC236}">
                  <a16:creationId xmlns:a16="http://schemas.microsoft.com/office/drawing/2014/main" xmlns="" id="{D9CC3D9C-9A05-8156-1D23-47C78D2FAB2A}"/>
                </a:ext>
              </a:extLst>
            </p:cNvPr>
            <p:cNvSpPr txBox="1"/>
            <p:nvPr/>
          </p:nvSpPr>
          <p:spPr>
            <a:xfrm>
              <a:off x="1337177" y="4975899"/>
              <a:ext cx="6826639" cy="1420325"/>
            </a:xfrm>
            <a:prstGeom prst="rect">
              <a:avLst/>
            </a:prstGeom>
            <a:noFill/>
          </p:spPr>
          <p:txBody>
            <a:bodyPr wrap="square">
              <a:spAutoFit/>
            </a:bodyPr>
            <a:lstStyle/>
            <a:p>
              <a:pPr algn="just">
                <a:lnSpc>
                  <a:spcPct val="150000"/>
                </a:lnSpc>
              </a:pPr>
              <a:r>
                <a:rPr lang="vi-VN" sz="2000" dirty="0">
                  <a:solidFill>
                    <a:srgbClr val="000000"/>
                  </a:solidFill>
                  <a:effectLst/>
                  <a:latin typeface="Arial" panose="020B0604020202020204" pitchFamily="34" charset="0"/>
                  <a:cs typeface="Arial" panose="020B0604020202020204" pitchFamily="34" charset="0"/>
                </a:rPr>
                <a:t>Do đó, cơ hội lựa chọn nghề nghiệp trong lĩnh vực kĩ thuật, công nghệ ngày cảng tăng;  học sinh phổ thông có nhiều cơ hội lựa chọn nghề nghiệp kĩ thuật, công nghệ.</a:t>
              </a:r>
              <a:endParaRPr lang="vi-VN" sz="2000" dirty="0">
                <a:effectLst/>
                <a:latin typeface="Arial" panose="020B0604020202020204" pitchFamily="34" charset="0"/>
                <a:cs typeface="Arial" panose="020B0604020202020204" pitchFamily="34" charset="0"/>
              </a:endParaRPr>
            </a:p>
          </p:txBody>
        </p:sp>
        <p:sp>
          <p:nvSpPr>
            <p:cNvPr id="8" name="Freeform 79">
              <a:extLst>
                <a:ext uri="{FF2B5EF4-FFF2-40B4-BE49-F238E27FC236}">
                  <a16:creationId xmlns:a16="http://schemas.microsoft.com/office/drawing/2014/main" xmlns="" id="{7FCDD45E-8B96-E719-D863-72539964F012}"/>
                </a:ext>
              </a:extLst>
            </p:cNvPr>
            <p:cNvSpPr/>
            <p:nvPr/>
          </p:nvSpPr>
          <p:spPr>
            <a:xfrm rot="5400000" flipV="1">
              <a:off x="4531796" y="4561642"/>
              <a:ext cx="437404" cy="487379"/>
            </a:xfrm>
            <a:custGeom>
              <a:avLst/>
              <a:gdLst/>
              <a:ahLst/>
              <a:cxnLst/>
              <a:rect l="l" t="t" r="r" b="b"/>
              <a:pathLst>
                <a:path w="1288707" h="699123">
                  <a:moveTo>
                    <a:pt x="0" y="0"/>
                  </a:moveTo>
                  <a:lnTo>
                    <a:pt x="1288706" y="0"/>
                  </a:lnTo>
                  <a:lnTo>
                    <a:pt x="1288706" y="699123"/>
                  </a:lnTo>
                  <a:lnTo>
                    <a:pt x="0" y="699123"/>
                  </a:lnTo>
                  <a:lnTo>
                    <a:pt x="0" y="0"/>
                  </a:lnTo>
                  <a:close/>
                </a:path>
              </a:pathLst>
            </a:custGeom>
            <a:blipFill>
              <a:blip r:embed="rId4">
                <a:extLst>
                  <a:ext uri="{96DAC541-7B7A-43D3-8B79-37D633B846F1}">
                    <asvg:svgBlip xmlns:asvg="http://schemas.microsoft.com/office/drawing/2016/SVG/main" xmlns="" r:embed="rId5"/>
                  </a:ext>
                </a:extLst>
              </a:blip>
              <a:stretch>
                <a:fillRect/>
              </a:stretch>
            </a:blipFill>
          </p:spPr>
        </p:sp>
      </p:grpSp>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linds(horizontal)">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linds(horizontal)">
                                      <p:cBhvr>
                                        <p:cTn id="12" dur="500"/>
                                        <p:tgtEl>
                                          <p:spTgt spid="5"/>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wipe(left)">
                                      <p:cBhvr>
                                        <p:cTn id="17" dur="500"/>
                                        <p:tgtEl>
                                          <p:spTgt spid="6"/>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xit" presetSubtype="4" fill="hold" nodeType="clickEffect">
                                  <p:stCondLst>
                                    <p:cond delay="0"/>
                                  </p:stCondLst>
                                  <p:childTnLst>
                                    <p:animEffect transition="out" filter="wipe(down)">
                                      <p:cBhvr>
                                        <p:cTn id="21" dur="500"/>
                                        <p:tgtEl>
                                          <p:spTgt spid="6"/>
                                        </p:tgtEl>
                                      </p:cBhvr>
                                    </p:animEffect>
                                    <p:set>
                                      <p:cBhvr>
                                        <p:cTn id="22" dur="1" fill="hold">
                                          <p:stCondLst>
                                            <p:cond delay="499"/>
                                          </p:stCondLst>
                                        </p:cTn>
                                        <p:tgtEl>
                                          <p:spTgt spid="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787"/>
        <p:cNvGrpSpPr/>
        <p:nvPr/>
      </p:nvGrpSpPr>
      <p:grpSpPr>
        <a:xfrm>
          <a:off x="0" y="0"/>
          <a:ext cx="0" cy="0"/>
          <a:chOff x="0" y="0"/>
          <a:chExt cx="0" cy="0"/>
        </a:xfrm>
      </p:grpSpPr>
      <p:grpSp>
        <p:nvGrpSpPr>
          <p:cNvPr id="791" name="Google Shape;791;p33"/>
          <p:cNvGrpSpPr/>
          <p:nvPr/>
        </p:nvGrpSpPr>
        <p:grpSpPr>
          <a:xfrm flipH="1">
            <a:off x="-7" y="2846643"/>
            <a:ext cx="2647725" cy="2171098"/>
            <a:chOff x="3495516" y="2616665"/>
            <a:chExt cx="2403308" cy="1970680"/>
          </a:xfrm>
        </p:grpSpPr>
        <p:sp>
          <p:nvSpPr>
            <p:cNvPr id="792" name="Google Shape;792;p33"/>
            <p:cNvSpPr/>
            <p:nvPr/>
          </p:nvSpPr>
          <p:spPr>
            <a:xfrm>
              <a:off x="4124390" y="2929100"/>
              <a:ext cx="58122" cy="502485"/>
            </a:xfrm>
            <a:custGeom>
              <a:avLst/>
              <a:gdLst/>
              <a:ahLst/>
              <a:cxnLst/>
              <a:rect l="l" t="t" r="r" b="b"/>
              <a:pathLst>
                <a:path w="1060" h="9164" extrusionOk="0">
                  <a:moveTo>
                    <a:pt x="529" y="1"/>
                  </a:moveTo>
                  <a:cubicBezTo>
                    <a:pt x="237" y="1"/>
                    <a:pt x="0" y="237"/>
                    <a:pt x="0" y="530"/>
                  </a:cubicBezTo>
                  <a:lnTo>
                    <a:pt x="0" y="9163"/>
                  </a:lnTo>
                  <a:lnTo>
                    <a:pt x="1060" y="9163"/>
                  </a:lnTo>
                  <a:lnTo>
                    <a:pt x="1060" y="530"/>
                  </a:lnTo>
                  <a:cubicBezTo>
                    <a:pt x="1060" y="237"/>
                    <a:pt x="822" y="1"/>
                    <a:pt x="529"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93" name="Google Shape;793;p33"/>
            <p:cNvSpPr/>
            <p:nvPr/>
          </p:nvSpPr>
          <p:spPr>
            <a:xfrm>
              <a:off x="3533076" y="3373408"/>
              <a:ext cx="649436" cy="58177"/>
            </a:xfrm>
            <a:custGeom>
              <a:avLst/>
              <a:gdLst/>
              <a:ahLst/>
              <a:cxnLst/>
              <a:rect l="l" t="t" r="r" b="b"/>
              <a:pathLst>
                <a:path w="11844" h="1061" extrusionOk="0">
                  <a:moveTo>
                    <a:pt x="530" y="1"/>
                  </a:moveTo>
                  <a:cubicBezTo>
                    <a:pt x="238" y="1"/>
                    <a:pt x="1" y="238"/>
                    <a:pt x="1" y="531"/>
                  </a:cubicBezTo>
                  <a:cubicBezTo>
                    <a:pt x="1" y="824"/>
                    <a:pt x="238" y="1060"/>
                    <a:pt x="530" y="1060"/>
                  </a:cubicBezTo>
                  <a:lnTo>
                    <a:pt x="11844" y="1060"/>
                  </a:lnTo>
                  <a:lnTo>
                    <a:pt x="1184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94" name="Google Shape;794;p33"/>
            <p:cNvSpPr/>
            <p:nvPr/>
          </p:nvSpPr>
          <p:spPr>
            <a:xfrm>
              <a:off x="4400471" y="2640901"/>
              <a:ext cx="1474994" cy="663364"/>
            </a:xfrm>
            <a:custGeom>
              <a:avLst/>
              <a:gdLst/>
              <a:ahLst/>
              <a:cxnLst/>
              <a:rect l="l" t="t" r="r" b="b"/>
              <a:pathLst>
                <a:path w="26900" h="12098" extrusionOk="0">
                  <a:moveTo>
                    <a:pt x="23553" y="1"/>
                  </a:moveTo>
                  <a:cubicBezTo>
                    <a:pt x="23350" y="1"/>
                    <a:pt x="23144" y="22"/>
                    <a:pt x="22939" y="68"/>
                  </a:cubicBezTo>
                  <a:cubicBezTo>
                    <a:pt x="22528" y="158"/>
                    <a:pt x="22160" y="327"/>
                    <a:pt x="21845" y="554"/>
                  </a:cubicBezTo>
                  <a:cubicBezTo>
                    <a:pt x="20299" y="1671"/>
                    <a:pt x="18565" y="2500"/>
                    <a:pt x="16779" y="3170"/>
                  </a:cubicBezTo>
                  <a:lnTo>
                    <a:pt x="14491" y="4027"/>
                  </a:lnTo>
                  <a:cubicBezTo>
                    <a:pt x="12549" y="4754"/>
                    <a:pt x="4157" y="7446"/>
                    <a:pt x="2117" y="7818"/>
                  </a:cubicBezTo>
                  <a:cubicBezTo>
                    <a:pt x="2023" y="7835"/>
                    <a:pt x="1929" y="7858"/>
                    <a:pt x="1836" y="7889"/>
                  </a:cubicBezTo>
                  <a:cubicBezTo>
                    <a:pt x="625" y="8282"/>
                    <a:pt x="0" y="9645"/>
                    <a:pt x="541" y="10839"/>
                  </a:cubicBezTo>
                  <a:cubicBezTo>
                    <a:pt x="891" y="11609"/>
                    <a:pt x="1675" y="12097"/>
                    <a:pt x="2503" y="12097"/>
                  </a:cubicBezTo>
                  <a:cubicBezTo>
                    <a:pt x="2632" y="12097"/>
                    <a:pt x="2761" y="12086"/>
                    <a:pt x="2889" y="12061"/>
                  </a:cubicBezTo>
                  <a:cubicBezTo>
                    <a:pt x="3108" y="12020"/>
                    <a:pt x="3311" y="11950"/>
                    <a:pt x="3496" y="11854"/>
                  </a:cubicBezTo>
                  <a:cubicBezTo>
                    <a:pt x="5278" y="10930"/>
                    <a:pt x="13514" y="7939"/>
                    <a:pt x="15449" y="7405"/>
                  </a:cubicBezTo>
                  <a:lnTo>
                    <a:pt x="17328" y="6886"/>
                  </a:lnTo>
                  <a:cubicBezTo>
                    <a:pt x="19387" y="6316"/>
                    <a:pt x="21498" y="5911"/>
                    <a:pt x="23632" y="5856"/>
                  </a:cubicBezTo>
                  <a:cubicBezTo>
                    <a:pt x="23908" y="5849"/>
                    <a:pt x="24187" y="5802"/>
                    <a:pt x="24463" y="5714"/>
                  </a:cubicBezTo>
                  <a:cubicBezTo>
                    <a:pt x="26054" y="5197"/>
                    <a:pt x="26900" y="3446"/>
                    <a:pt x="26286" y="1865"/>
                  </a:cubicBezTo>
                  <a:cubicBezTo>
                    <a:pt x="25846" y="731"/>
                    <a:pt x="24735" y="1"/>
                    <a:pt x="23553"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95" name="Google Shape;795;p33"/>
            <p:cNvSpPr/>
            <p:nvPr/>
          </p:nvSpPr>
          <p:spPr>
            <a:xfrm>
              <a:off x="4480801" y="3135216"/>
              <a:ext cx="113723" cy="101440"/>
            </a:xfrm>
            <a:custGeom>
              <a:avLst/>
              <a:gdLst/>
              <a:ahLst/>
              <a:cxnLst/>
              <a:rect l="l" t="t" r="r" b="b"/>
              <a:pathLst>
                <a:path w="2074" h="1850" extrusionOk="0">
                  <a:moveTo>
                    <a:pt x="1037" y="0"/>
                  </a:moveTo>
                  <a:cubicBezTo>
                    <a:pt x="942" y="0"/>
                    <a:pt x="846" y="15"/>
                    <a:pt x="751" y="46"/>
                  </a:cubicBezTo>
                  <a:cubicBezTo>
                    <a:pt x="266" y="204"/>
                    <a:pt x="0" y="725"/>
                    <a:pt x="157" y="1211"/>
                  </a:cubicBezTo>
                  <a:cubicBezTo>
                    <a:pt x="284" y="1601"/>
                    <a:pt x="646" y="1850"/>
                    <a:pt x="1036" y="1850"/>
                  </a:cubicBezTo>
                  <a:cubicBezTo>
                    <a:pt x="1130" y="1850"/>
                    <a:pt x="1227" y="1835"/>
                    <a:pt x="1322" y="1804"/>
                  </a:cubicBezTo>
                  <a:cubicBezTo>
                    <a:pt x="1808" y="1647"/>
                    <a:pt x="2074" y="1125"/>
                    <a:pt x="1915" y="639"/>
                  </a:cubicBezTo>
                  <a:cubicBezTo>
                    <a:pt x="1789" y="249"/>
                    <a:pt x="1426" y="0"/>
                    <a:pt x="1037" y="0"/>
                  </a:cubicBezTo>
                  <a:close/>
                </a:path>
              </a:pathLst>
            </a:custGeom>
            <a:solidFill>
              <a:srgbClr val="CC873C"/>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96" name="Google Shape;796;p33"/>
            <p:cNvSpPr/>
            <p:nvPr/>
          </p:nvSpPr>
          <p:spPr>
            <a:xfrm>
              <a:off x="5229319" y="2640956"/>
              <a:ext cx="613905" cy="411299"/>
            </a:xfrm>
            <a:custGeom>
              <a:avLst/>
              <a:gdLst/>
              <a:ahLst/>
              <a:cxnLst/>
              <a:rect l="l" t="t" r="r" b="b"/>
              <a:pathLst>
                <a:path w="11196" h="7501" extrusionOk="0">
                  <a:moveTo>
                    <a:pt x="8434" y="0"/>
                  </a:moveTo>
                  <a:cubicBezTo>
                    <a:pt x="8231" y="0"/>
                    <a:pt x="8027" y="22"/>
                    <a:pt x="7823" y="67"/>
                  </a:cubicBezTo>
                  <a:cubicBezTo>
                    <a:pt x="7412" y="157"/>
                    <a:pt x="7044" y="326"/>
                    <a:pt x="6729" y="553"/>
                  </a:cubicBezTo>
                  <a:cubicBezTo>
                    <a:pt x="5974" y="1098"/>
                    <a:pt x="5175" y="1574"/>
                    <a:pt x="4346" y="1997"/>
                  </a:cubicBezTo>
                  <a:cubicBezTo>
                    <a:pt x="3924" y="3014"/>
                    <a:pt x="3362" y="3965"/>
                    <a:pt x="2603" y="4764"/>
                  </a:cubicBezTo>
                  <a:lnTo>
                    <a:pt x="1" y="7501"/>
                  </a:lnTo>
                  <a:cubicBezTo>
                    <a:pt x="124" y="7464"/>
                    <a:pt x="238" y="7430"/>
                    <a:pt x="333" y="7404"/>
                  </a:cubicBezTo>
                  <a:lnTo>
                    <a:pt x="2212" y="6885"/>
                  </a:lnTo>
                  <a:cubicBezTo>
                    <a:pt x="4271" y="6315"/>
                    <a:pt x="6382" y="5910"/>
                    <a:pt x="8516" y="5855"/>
                  </a:cubicBezTo>
                  <a:cubicBezTo>
                    <a:pt x="8567" y="5854"/>
                    <a:pt x="8618" y="5850"/>
                    <a:pt x="8668" y="5846"/>
                  </a:cubicBezTo>
                  <a:cubicBezTo>
                    <a:pt x="8762" y="5794"/>
                    <a:pt x="8855" y="5743"/>
                    <a:pt x="8950" y="5695"/>
                  </a:cubicBezTo>
                  <a:cubicBezTo>
                    <a:pt x="9324" y="5511"/>
                    <a:pt x="9668" y="5251"/>
                    <a:pt x="9958" y="4917"/>
                  </a:cubicBezTo>
                  <a:cubicBezTo>
                    <a:pt x="11196" y="3493"/>
                    <a:pt x="10965" y="1298"/>
                    <a:pt x="9402" y="167"/>
                  </a:cubicBezTo>
                  <a:cubicBezTo>
                    <a:pt x="9094" y="58"/>
                    <a:pt x="8767" y="0"/>
                    <a:pt x="8434"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97" name="Google Shape;797;p33"/>
            <p:cNvSpPr/>
            <p:nvPr/>
          </p:nvSpPr>
          <p:spPr>
            <a:xfrm>
              <a:off x="4589644" y="2616665"/>
              <a:ext cx="1309181" cy="1377776"/>
            </a:xfrm>
            <a:custGeom>
              <a:avLst/>
              <a:gdLst/>
              <a:ahLst/>
              <a:cxnLst/>
              <a:rect l="l" t="t" r="r" b="b"/>
              <a:pathLst>
                <a:path w="23876" h="25127" extrusionOk="0">
                  <a:moveTo>
                    <a:pt x="20181" y="1"/>
                  </a:moveTo>
                  <a:cubicBezTo>
                    <a:pt x="19409" y="1"/>
                    <a:pt x="18639" y="272"/>
                    <a:pt x="18038" y="806"/>
                  </a:cubicBezTo>
                  <a:cubicBezTo>
                    <a:pt x="17626" y="1173"/>
                    <a:pt x="17331" y="1613"/>
                    <a:pt x="17153" y="2084"/>
                  </a:cubicBezTo>
                  <a:cubicBezTo>
                    <a:pt x="16715" y="3234"/>
                    <a:pt x="16114" y="4315"/>
                    <a:pt x="15266" y="5207"/>
                  </a:cubicBezTo>
                  <a:lnTo>
                    <a:pt x="6273" y="14668"/>
                  </a:lnTo>
                  <a:cubicBezTo>
                    <a:pt x="5431" y="15554"/>
                    <a:pt x="4389" y="16211"/>
                    <a:pt x="3261" y="16685"/>
                  </a:cubicBezTo>
                  <a:cubicBezTo>
                    <a:pt x="2659" y="16937"/>
                    <a:pt x="2105" y="17328"/>
                    <a:pt x="1649" y="17853"/>
                  </a:cubicBezTo>
                  <a:cubicBezTo>
                    <a:pt x="1" y="19749"/>
                    <a:pt x="266" y="22655"/>
                    <a:pt x="2279" y="24215"/>
                  </a:cubicBezTo>
                  <a:cubicBezTo>
                    <a:pt x="3066" y="24825"/>
                    <a:pt x="4016" y="25126"/>
                    <a:pt x="4964" y="25126"/>
                  </a:cubicBezTo>
                  <a:cubicBezTo>
                    <a:pt x="6056" y="25126"/>
                    <a:pt x="7144" y="24727"/>
                    <a:pt x="7977" y="23939"/>
                  </a:cubicBezTo>
                  <a:cubicBezTo>
                    <a:pt x="8625" y="23326"/>
                    <a:pt x="9042" y="22574"/>
                    <a:pt x="9236" y="21783"/>
                  </a:cubicBezTo>
                  <a:cubicBezTo>
                    <a:pt x="9527" y="20585"/>
                    <a:pt x="10098" y="19474"/>
                    <a:pt x="10864" y="18509"/>
                  </a:cubicBezTo>
                  <a:lnTo>
                    <a:pt x="18867" y="8430"/>
                  </a:lnTo>
                  <a:cubicBezTo>
                    <a:pt x="19617" y="7486"/>
                    <a:pt x="20534" y="6671"/>
                    <a:pt x="21614" y="6138"/>
                  </a:cubicBezTo>
                  <a:cubicBezTo>
                    <a:pt x="21987" y="5954"/>
                    <a:pt x="22331" y="5694"/>
                    <a:pt x="22622" y="5360"/>
                  </a:cubicBezTo>
                  <a:cubicBezTo>
                    <a:pt x="23876" y="3918"/>
                    <a:pt x="23626" y="1682"/>
                    <a:pt x="22007" y="564"/>
                  </a:cubicBezTo>
                  <a:cubicBezTo>
                    <a:pt x="21460" y="187"/>
                    <a:pt x="20819" y="1"/>
                    <a:pt x="20181"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98" name="Google Shape;798;p33"/>
            <p:cNvSpPr/>
            <p:nvPr/>
          </p:nvSpPr>
          <p:spPr>
            <a:xfrm>
              <a:off x="5611009" y="2717995"/>
              <a:ext cx="170090" cy="152270"/>
            </a:xfrm>
            <a:custGeom>
              <a:avLst/>
              <a:gdLst/>
              <a:ahLst/>
              <a:cxnLst/>
              <a:rect l="l" t="t" r="r" b="b"/>
              <a:pathLst>
                <a:path w="3102" h="2777" extrusionOk="0">
                  <a:moveTo>
                    <a:pt x="1551" y="0"/>
                  </a:moveTo>
                  <a:cubicBezTo>
                    <a:pt x="1164" y="0"/>
                    <a:pt x="778" y="162"/>
                    <a:pt x="504" y="478"/>
                  </a:cubicBezTo>
                  <a:cubicBezTo>
                    <a:pt x="1" y="1057"/>
                    <a:pt x="63" y="1933"/>
                    <a:pt x="641" y="2436"/>
                  </a:cubicBezTo>
                  <a:cubicBezTo>
                    <a:pt x="903" y="2664"/>
                    <a:pt x="1228" y="2776"/>
                    <a:pt x="1551" y="2776"/>
                  </a:cubicBezTo>
                  <a:cubicBezTo>
                    <a:pt x="1938" y="2776"/>
                    <a:pt x="2324" y="2615"/>
                    <a:pt x="2598" y="2299"/>
                  </a:cubicBezTo>
                  <a:cubicBezTo>
                    <a:pt x="3102" y="1720"/>
                    <a:pt x="3041" y="844"/>
                    <a:pt x="2462" y="341"/>
                  </a:cubicBezTo>
                  <a:cubicBezTo>
                    <a:pt x="2199" y="113"/>
                    <a:pt x="1874" y="0"/>
                    <a:pt x="1551"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99" name="Google Shape;799;p33"/>
            <p:cNvSpPr/>
            <p:nvPr/>
          </p:nvSpPr>
          <p:spPr>
            <a:xfrm>
              <a:off x="4722558" y="3628928"/>
              <a:ext cx="278768" cy="249543"/>
            </a:xfrm>
            <a:custGeom>
              <a:avLst/>
              <a:gdLst/>
              <a:ahLst/>
              <a:cxnLst/>
              <a:rect l="l" t="t" r="r" b="b"/>
              <a:pathLst>
                <a:path w="5084" h="4551" extrusionOk="0">
                  <a:moveTo>
                    <a:pt x="2543" y="0"/>
                  </a:moveTo>
                  <a:cubicBezTo>
                    <a:pt x="1907" y="0"/>
                    <a:pt x="1275" y="265"/>
                    <a:pt x="825" y="783"/>
                  </a:cubicBezTo>
                  <a:cubicBezTo>
                    <a:pt x="1" y="1731"/>
                    <a:pt x="101" y="3168"/>
                    <a:pt x="1050" y="3993"/>
                  </a:cubicBezTo>
                  <a:cubicBezTo>
                    <a:pt x="1480" y="4367"/>
                    <a:pt x="2012" y="4550"/>
                    <a:pt x="2541" y="4550"/>
                  </a:cubicBezTo>
                  <a:cubicBezTo>
                    <a:pt x="3177" y="4550"/>
                    <a:pt x="3809" y="4286"/>
                    <a:pt x="4259" y="3768"/>
                  </a:cubicBezTo>
                  <a:cubicBezTo>
                    <a:pt x="5083" y="2819"/>
                    <a:pt x="4983" y="1383"/>
                    <a:pt x="4035" y="558"/>
                  </a:cubicBezTo>
                  <a:cubicBezTo>
                    <a:pt x="3604" y="184"/>
                    <a:pt x="3073" y="0"/>
                    <a:pt x="2543" y="0"/>
                  </a:cubicBezTo>
                  <a:close/>
                </a:path>
              </a:pathLst>
            </a:custGeom>
            <a:solidFill>
              <a:srgbClr val="CC873C"/>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0" name="Google Shape;800;p33"/>
            <p:cNvSpPr/>
            <p:nvPr/>
          </p:nvSpPr>
          <p:spPr>
            <a:xfrm>
              <a:off x="4157838" y="4472197"/>
              <a:ext cx="1408208" cy="115148"/>
            </a:xfrm>
            <a:custGeom>
              <a:avLst/>
              <a:gdLst/>
              <a:ahLst/>
              <a:cxnLst/>
              <a:rect l="l" t="t" r="r" b="b"/>
              <a:pathLst>
                <a:path w="25682" h="2100" extrusionOk="0">
                  <a:moveTo>
                    <a:pt x="0" y="1"/>
                  </a:moveTo>
                  <a:lnTo>
                    <a:pt x="0" y="2099"/>
                  </a:lnTo>
                  <a:lnTo>
                    <a:pt x="25682" y="2099"/>
                  </a:lnTo>
                  <a:lnTo>
                    <a:pt x="25682"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1" name="Google Shape;801;p33"/>
            <p:cNvSpPr/>
            <p:nvPr/>
          </p:nvSpPr>
          <p:spPr>
            <a:xfrm>
              <a:off x="4014999" y="3911808"/>
              <a:ext cx="1693886" cy="560443"/>
            </a:xfrm>
            <a:custGeom>
              <a:avLst/>
              <a:gdLst/>
              <a:ahLst/>
              <a:cxnLst/>
              <a:rect l="l" t="t" r="r" b="b"/>
              <a:pathLst>
                <a:path w="30892" h="10221" extrusionOk="0">
                  <a:moveTo>
                    <a:pt x="2207" y="1"/>
                  </a:moveTo>
                  <a:cubicBezTo>
                    <a:pt x="988" y="1"/>
                    <a:pt x="0" y="988"/>
                    <a:pt x="0" y="2208"/>
                  </a:cubicBezTo>
                  <a:lnTo>
                    <a:pt x="0" y="8014"/>
                  </a:lnTo>
                  <a:cubicBezTo>
                    <a:pt x="0" y="9232"/>
                    <a:pt x="988" y="10221"/>
                    <a:pt x="2207" y="10221"/>
                  </a:cubicBezTo>
                  <a:lnTo>
                    <a:pt x="28685" y="10221"/>
                  </a:lnTo>
                  <a:cubicBezTo>
                    <a:pt x="29904" y="10221"/>
                    <a:pt x="30892" y="9232"/>
                    <a:pt x="30892" y="8014"/>
                  </a:cubicBezTo>
                  <a:lnTo>
                    <a:pt x="30892" y="2208"/>
                  </a:lnTo>
                  <a:cubicBezTo>
                    <a:pt x="30892" y="989"/>
                    <a:pt x="29904" y="1"/>
                    <a:pt x="28685"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2" name="Google Shape;802;p33"/>
            <p:cNvSpPr/>
            <p:nvPr/>
          </p:nvSpPr>
          <p:spPr>
            <a:xfrm>
              <a:off x="4602803" y="3494204"/>
              <a:ext cx="573164" cy="390298"/>
            </a:xfrm>
            <a:custGeom>
              <a:avLst/>
              <a:gdLst/>
              <a:ahLst/>
              <a:cxnLst/>
              <a:rect l="l" t="t" r="r" b="b"/>
              <a:pathLst>
                <a:path w="10453" h="7118" extrusionOk="0">
                  <a:moveTo>
                    <a:pt x="4976" y="1"/>
                  </a:moveTo>
                  <a:cubicBezTo>
                    <a:pt x="4748" y="1"/>
                    <a:pt x="4525" y="12"/>
                    <a:pt x="4304" y="34"/>
                  </a:cubicBezTo>
                  <a:cubicBezTo>
                    <a:pt x="3893" y="279"/>
                    <a:pt x="3464" y="495"/>
                    <a:pt x="3021" y="681"/>
                  </a:cubicBezTo>
                  <a:cubicBezTo>
                    <a:pt x="2419" y="933"/>
                    <a:pt x="1865" y="1324"/>
                    <a:pt x="1409" y="1849"/>
                  </a:cubicBezTo>
                  <a:cubicBezTo>
                    <a:pt x="95" y="3361"/>
                    <a:pt x="1" y="5515"/>
                    <a:pt x="1038" y="7117"/>
                  </a:cubicBezTo>
                  <a:lnTo>
                    <a:pt x="8416" y="7117"/>
                  </a:lnTo>
                  <a:cubicBezTo>
                    <a:pt x="8687" y="6698"/>
                    <a:pt x="8881" y="6246"/>
                    <a:pt x="8996" y="5779"/>
                  </a:cubicBezTo>
                  <a:cubicBezTo>
                    <a:pt x="9264" y="4674"/>
                    <a:pt x="9774" y="3643"/>
                    <a:pt x="10452" y="2733"/>
                  </a:cubicBezTo>
                  <a:cubicBezTo>
                    <a:pt x="9201" y="1073"/>
                    <a:pt x="7214" y="1"/>
                    <a:pt x="4976"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3" name="Google Shape;803;p33"/>
            <p:cNvSpPr/>
            <p:nvPr/>
          </p:nvSpPr>
          <p:spPr>
            <a:xfrm>
              <a:off x="4485955" y="3521511"/>
              <a:ext cx="751973" cy="390353"/>
            </a:xfrm>
            <a:custGeom>
              <a:avLst/>
              <a:gdLst/>
              <a:ahLst/>
              <a:cxnLst/>
              <a:rect l="l" t="t" r="r" b="b"/>
              <a:pathLst>
                <a:path w="13714" h="7119" extrusionOk="0">
                  <a:moveTo>
                    <a:pt x="6858" y="1"/>
                  </a:moveTo>
                  <a:cubicBezTo>
                    <a:pt x="3070" y="1"/>
                    <a:pt x="0" y="3071"/>
                    <a:pt x="0" y="6857"/>
                  </a:cubicBezTo>
                  <a:lnTo>
                    <a:pt x="0" y="7119"/>
                  </a:lnTo>
                  <a:lnTo>
                    <a:pt x="13714" y="7119"/>
                  </a:lnTo>
                  <a:lnTo>
                    <a:pt x="13714" y="6857"/>
                  </a:lnTo>
                  <a:cubicBezTo>
                    <a:pt x="13714" y="3071"/>
                    <a:pt x="10644" y="1"/>
                    <a:pt x="6858"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4" name="Google Shape;804;p33"/>
            <p:cNvSpPr/>
            <p:nvPr/>
          </p:nvSpPr>
          <p:spPr>
            <a:xfrm>
              <a:off x="4062484" y="3959019"/>
              <a:ext cx="310736" cy="35367"/>
            </a:xfrm>
            <a:custGeom>
              <a:avLst/>
              <a:gdLst/>
              <a:ahLst/>
              <a:cxnLst/>
              <a:rect l="l" t="t" r="r" b="b"/>
              <a:pathLst>
                <a:path w="5667" h="645" extrusionOk="0">
                  <a:moveTo>
                    <a:pt x="608" y="1"/>
                  </a:moveTo>
                  <a:cubicBezTo>
                    <a:pt x="357" y="162"/>
                    <a:pt x="148" y="383"/>
                    <a:pt x="0" y="645"/>
                  </a:cubicBezTo>
                  <a:lnTo>
                    <a:pt x="5666" y="645"/>
                  </a:lnTo>
                  <a:lnTo>
                    <a:pt x="5666"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5" name="Google Shape;805;p33"/>
            <p:cNvSpPr/>
            <p:nvPr/>
          </p:nvSpPr>
          <p:spPr>
            <a:xfrm>
              <a:off x="4059852" y="4030795"/>
              <a:ext cx="313368" cy="35367"/>
            </a:xfrm>
            <a:custGeom>
              <a:avLst/>
              <a:gdLst/>
              <a:ahLst/>
              <a:cxnLst/>
              <a:rect l="l" t="t" r="r" b="b"/>
              <a:pathLst>
                <a:path w="5715" h="645" extrusionOk="0">
                  <a:moveTo>
                    <a:pt x="1" y="0"/>
                  </a:moveTo>
                  <a:lnTo>
                    <a:pt x="1" y="644"/>
                  </a:lnTo>
                  <a:lnTo>
                    <a:pt x="5714" y="644"/>
                  </a:lnTo>
                  <a:lnTo>
                    <a:pt x="571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6" name="Google Shape;806;p33"/>
            <p:cNvSpPr/>
            <p:nvPr/>
          </p:nvSpPr>
          <p:spPr>
            <a:xfrm>
              <a:off x="4059852" y="4102626"/>
              <a:ext cx="313368" cy="35367"/>
            </a:xfrm>
            <a:custGeom>
              <a:avLst/>
              <a:gdLst/>
              <a:ahLst/>
              <a:cxnLst/>
              <a:rect l="l" t="t" r="r" b="b"/>
              <a:pathLst>
                <a:path w="5715" h="645" extrusionOk="0">
                  <a:moveTo>
                    <a:pt x="1" y="0"/>
                  </a:moveTo>
                  <a:lnTo>
                    <a:pt x="1" y="644"/>
                  </a:lnTo>
                  <a:lnTo>
                    <a:pt x="5714" y="644"/>
                  </a:lnTo>
                  <a:lnTo>
                    <a:pt x="571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7" name="Google Shape;807;p33"/>
            <p:cNvSpPr/>
            <p:nvPr/>
          </p:nvSpPr>
          <p:spPr>
            <a:xfrm>
              <a:off x="4059852" y="4174346"/>
              <a:ext cx="313368" cy="35367"/>
            </a:xfrm>
            <a:custGeom>
              <a:avLst/>
              <a:gdLst/>
              <a:ahLst/>
              <a:cxnLst/>
              <a:rect l="l" t="t" r="r" b="b"/>
              <a:pathLst>
                <a:path w="5715" h="645" extrusionOk="0">
                  <a:moveTo>
                    <a:pt x="1" y="1"/>
                  </a:moveTo>
                  <a:lnTo>
                    <a:pt x="1" y="645"/>
                  </a:lnTo>
                  <a:lnTo>
                    <a:pt x="5714" y="645"/>
                  </a:lnTo>
                  <a:lnTo>
                    <a:pt x="5714"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8" name="Google Shape;808;p33"/>
            <p:cNvSpPr/>
            <p:nvPr/>
          </p:nvSpPr>
          <p:spPr>
            <a:xfrm>
              <a:off x="4059852" y="4246122"/>
              <a:ext cx="313368" cy="35367"/>
            </a:xfrm>
            <a:custGeom>
              <a:avLst/>
              <a:gdLst/>
              <a:ahLst/>
              <a:cxnLst/>
              <a:rect l="l" t="t" r="r" b="b"/>
              <a:pathLst>
                <a:path w="5715" h="645" extrusionOk="0">
                  <a:moveTo>
                    <a:pt x="1" y="0"/>
                  </a:moveTo>
                  <a:lnTo>
                    <a:pt x="1" y="644"/>
                  </a:lnTo>
                  <a:lnTo>
                    <a:pt x="5714" y="644"/>
                  </a:lnTo>
                  <a:lnTo>
                    <a:pt x="571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9" name="Google Shape;809;p33"/>
            <p:cNvSpPr/>
            <p:nvPr/>
          </p:nvSpPr>
          <p:spPr>
            <a:xfrm>
              <a:off x="4059852" y="4317953"/>
              <a:ext cx="313368" cy="35312"/>
            </a:xfrm>
            <a:custGeom>
              <a:avLst/>
              <a:gdLst/>
              <a:ahLst/>
              <a:cxnLst/>
              <a:rect l="l" t="t" r="r" b="b"/>
              <a:pathLst>
                <a:path w="5715" h="644" extrusionOk="0">
                  <a:moveTo>
                    <a:pt x="1" y="0"/>
                  </a:moveTo>
                  <a:lnTo>
                    <a:pt x="1" y="644"/>
                  </a:lnTo>
                  <a:lnTo>
                    <a:pt x="5714" y="644"/>
                  </a:lnTo>
                  <a:lnTo>
                    <a:pt x="571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0" name="Google Shape;810;p33"/>
            <p:cNvSpPr/>
            <p:nvPr/>
          </p:nvSpPr>
          <p:spPr>
            <a:xfrm>
              <a:off x="4062484" y="4389674"/>
              <a:ext cx="310736" cy="35367"/>
            </a:xfrm>
            <a:custGeom>
              <a:avLst/>
              <a:gdLst/>
              <a:ahLst/>
              <a:cxnLst/>
              <a:rect l="l" t="t" r="r" b="b"/>
              <a:pathLst>
                <a:path w="5667" h="645" extrusionOk="0">
                  <a:moveTo>
                    <a:pt x="0" y="1"/>
                  </a:moveTo>
                  <a:cubicBezTo>
                    <a:pt x="148" y="262"/>
                    <a:pt x="357" y="482"/>
                    <a:pt x="608" y="645"/>
                  </a:cubicBezTo>
                  <a:lnTo>
                    <a:pt x="5666" y="645"/>
                  </a:lnTo>
                  <a:lnTo>
                    <a:pt x="5666"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1" name="Google Shape;811;p33"/>
            <p:cNvSpPr/>
            <p:nvPr/>
          </p:nvSpPr>
          <p:spPr>
            <a:xfrm>
              <a:off x="5350664" y="3959019"/>
              <a:ext cx="310736" cy="35367"/>
            </a:xfrm>
            <a:custGeom>
              <a:avLst/>
              <a:gdLst/>
              <a:ahLst/>
              <a:cxnLst/>
              <a:rect l="l" t="t" r="r" b="b"/>
              <a:pathLst>
                <a:path w="5667" h="645" extrusionOk="0">
                  <a:moveTo>
                    <a:pt x="1" y="1"/>
                  </a:moveTo>
                  <a:lnTo>
                    <a:pt x="1" y="645"/>
                  </a:lnTo>
                  <a:lnTo>
                    <a:pt x="5667" y="645"/>
                  </a:lnTo>
                  <a:cubicBezTo>
                    <a:pt x="5519" y="383"/>
                    <a:pt x="5310" y="162"/>
                    <a:pt x="5059" y="1"/>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2" name="Google Shape;812;p33"/>
            <p:cNvSpPr/>
            <p:nvPr/>
          </p:nvSpPr>
          <p:spPr>
            <a:xfrm>
              <a:off x="5350664" y="4030795"/>
              <a:ext cx="313368" cy="35367"/>
            </a:xfrm>
            <a:custGeom>
              <a:avLst/>
              <a:gdLst/>
              <a:ahLst/>
              <a:cxnLst/>
              <a:rect l="l" t="t" r="r" b="b"/>
              <a:pathLst>
                <a:path w="5715" h="645" extrusionOk="0">
                  <a:moveTo>
                    <a:pt x="1" y="0"/>
                  </a:moveTo>
                  <a:lnTo>
                    <a:pt x="1" y="644"/>
                  </a:lnTo>
                  <a:lnTo>
                    <a:pt x="5714" y="644"/>
                  </a:lnTo>
                  <a:lnTo>
                    <a:pt x="571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3" name="Google Shape;813;p33"/>
            <p:cNvSpPr/>
            <p:nvPr/>
          </p:nvSpPr>
          <p:spPr>
            <a:xfrm>
              <a:off x="5350664" y="4102626"/>
              <a:ext cx="313368" cy="35367"/>
            </a:xfrm>
            <a:custGeom>
              <a:avLst/>
              <a:gdLst/>
              <a:ahLst/>
              <a:cxnLst/>
              <a:rect l="l" t="t" r="r" b="b"/>
              <a:pathLst>
                <a:path w="5715" h="645" extrusionOk="0">
                  <a:moveTo>
                    <a:pt x="1" y="0"/>
                  </a:moveTo>
                  <a:lnTo>
                    <a:pt x="1" y="644"/>
                  </a:lnTo>
                  <a:lnTo>
                    <a:pt x="5714" y="644"/>
                  </a:lnTo>
                  <a:lnTo>
                    <a:pt x="571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4" name="Google Shape;814;p33"/>
            <p:cNvSpPr/>
            <p:nvPr/>
          </p:nvSpPr>
          <p:spPr>
            <a:xfrm>
              <a:off x="5350664" y="4174346"/>
              <a:ext cx="313368" cy="35367"/>
            </a:xfrm>
            <a:custGeom>
              <a:avLst/>
              <a:gdLst/>
              <a:ahLst/>
              <a:cxnLst/>
              <a:rect l="l" t="t" r="r" b="b"/>
              <a:pathLst>
                <a:path w="5715" h="645" extrusionOk="0">
                  <a:moveTo>
                    <a:pt x="1" y="1"/>
                  </a:moveTo>
                  <a:lnTo>
                    <a:pt x="1" y="645"/>
                  </a:lnTo>
                  <a:lnTo>
                    <a:pt x="5714" y="645"/>
                  </a:lnTo>
                  <a:lnTo>
                    <a:pt x="5714"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5" name="Google Shape;815;p33"/>
            <p:cNvSpPr/>
            <p:nvPr/>
          </p:nvSpPr>
          <p:spPr>
            <a:xfrm>
              <a:off x="5350664" y="4246122"/>
              <a:ext cx="313368" cy="35367"/>
            </a:xfrm>
            <a:custGeom>
              <a:avLst/>
              <a:gdLst/>
              <a:ahLst/>
              <a:cxnLst/>
              <a:rect l="l" t="t" r="r" b="b"/>
              <a:pathLst>
                <a:path w="5715" h="645" extrusionOk="0">
                  <a:moveTo>
                    <a:pt x="1" y="0"/>
                  </a:moveTo>
                  <a:lnTo>
                    <a:pt x="1" y="644"/>
                  </a:lnTo>
                  <a:lnTo>
                    <a:pt x="5714" y="644"/>
                  </a:lnTo>
                  <a:lnTo>
                    <a:pt x="571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6" name="Google Shape;816;p33"/>
            <p:cNvSpPr/>
            <p:nvPr/>
          </p:nvSpPr>
          <p:spPr>
            <a:xfrm>
              <a:off x="5350664" y="4317953"/>
              <a:ext cx="313368" cy="35312"/>
            </a:xfrm>
            <a:custGeom>
              <a:avLst/>
              <a:gdLst/>
              <a:ahLst/>
              <a:cxnLst/>
              <a:rect l="l" t="t" r="r" b="b"/>
              <a:pathLst>
                <a:path w="5715" h="644" extrusionOk="0">
                  <a:moveTo>
                    <a:pt x="1" y="0"/>
                  </a:moveTo>
                  <a:lnTo>
                    <a:pt x="1" y="644"/>
                  </a:lnTo>
                  <a:lnTo>
                    <a:pt x="5714" y="644"/>
                  </a:lnTo>
                  <a:lnTo>
                    <a:pt x="571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7" name="Google Shape;817;p33"/>
            <p:cNvSpPr/>
            <p:nvPr/>
          </p:nvSpPr>
          <p:spPr>
            <a:xfrm>
              <a:off x="5350664" y="4389674"/>
              <a:ext cx="310736" cy="35367"/>
            </a:xfrm>
            <a:custGeom>
              <a:avLst/>
              <a:gdLst/>
              <a:ahLst/>
              <a:cxnLst/>
              <a:rect l="l" t="t" r="r" b="b"/>
              <a:pathLst>
                <a:path w="5667" h="645" extrusionOk="0">
                  <a:moveTo>
                    <a:pt x="1" y="1"/>
                  </a:moveTo>
                  <a:lnTo>
                    <a:pt x="1" y="645"/>
                  </a:lnTo>
                  <a:lnTo>
                    <a:pt x="5059" y="645"/>
                  </a:lnTo>
                  <a:cubicBezTo>
                    <a:pt x="5310" y="482"/>
                    <a:pt x="5519" y="262"/>
                    <a:pt x="5667" y="1"/>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8" name="Google Shape;818;p33"/>
            <p:cNvSpPr/>
            <p:nvPr/>
          </p:nvSpPr>
          <p:spPr>
            <a:xfrm>
              <a:off x="5264741" y="3911808"/>
              <a:ext cx="27471" cy="560443"/>
            </a:xfrm>
            <a:custGeom>
              <a:avLst/>
              <a:gdLst/>
              <a:ahLst/>
              <a:cxnLst/>
              <a:rect l="l" t="t" r="r" b="b"/>
              <a:pathLst>
                <a:path w="501" h="10221" extrusionOk="0">
                  <a:moveTo>
                    <a:pt x="1" y="1"/>
                  </a:moveTo>
                  <a:lnTo>
                    <a:pt x="1" y="10221"/>
                  </a:lnTo>
                  <a:lnTo>
                    <a:pt x="500" y="10221"/>
                  </a:lnTo>
                  <a:lnTo>
                    <a:pt x="500"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9" name="Google Shape;819;p33"/>
            <p:cNvSpPr/>
            <p:nvPr/>
          </p:nvSpPr>
          <p:spPr>
            <a:xfrm>
              <a:off x="4431671" y="3911808"/>
              <a:ext cx="27471" cy="560443"/>
            </a:xfrm>
            <a:custGeom>
              <a:avLst/>
              <a:gdLst/>
              <a:ahLst/>
              <a:cxnLst/>
              <a:rect l="l" t="t" r="r" b="b"/>
              <a:pathLst>
                <a:path w="501" h="10221" extrusionOk="0">
                  <a:moveTo>
                    <a:pt x="1" y="1"/>
                  </a:moveTo>
                  <a:lnTo>
                    <a:pt x="1" y="10221"/>
                  </a:lnTo>
                  <a:lnTo>
                    <a:pt x="500" y="10221"/>
                  </a:lnTo>
                  <a:lnTo>
                    <a:pt x="500"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0" name="Google Shape;820;p33"/>
            <p:cNvSpPr/>
            <p:nvPr/>
          </p:nvSpPr>
          <p:spPr>
            <a:xfrm>
              <a:off x="4485955" y="3853028"/>
              <a:ext cx="751973" cy="58835"/>
            </a:xfrm>
            <a:custGeom>
              <a:avLst/>
              <a:gdLst/>
              <a:ahLst/>
              <a:cxnLst/>
              <a:rect l="l" t="t" r="r" b="b"/>
              <a:pathLst>
                <a:path w="13714" h="1073" extrusionOk="0">
                  <a:moveTo>
                    <a:pt x="50" y="1"/>
                  </a:moveTo>
                  <a:cubicBezTo>
                    <a:pt x="19" y="267"/>
                    <a:pt x="0" y="537"/>
                    <a:pt x="0" y="811"/>
                  </a:cubicBezTo>
                  <a:lnTo>
                    <a:pt x="0" y="1073"/>
                  </a:lnTo>
                  <a:lnTo>
                    <a:pt x="13714" y="1073"/>
                  </a:lnTo>
                  <a:lnTo>
                    <a:pt x="13714" y="811"/>
                  </a:lnTo>
                  <a:cubicBezTo>
                    <a:pt x="13714" y="537"/>
                    <a:pt x="13695" y="267"/>
                    <a:pt x="13664"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1" name="Google Shape;821;p33"/>
            <p:cNvSpPr/>
            <p:nvPr/>
          </p:nvSpPr>
          <p:spPr>
            <a:xfrm>
              <a:off x="4400471" y="3024290"/>
              <a:ext cx="364691" cy="279975"/>
            </a:xfrm>
            <a:custGeom>
              <a:avLst/>
              <a:gdLst/>
              <a:ahLst/>
              <a:cxnLst/>
              <a:rect l="l" t="t" r="r" b="b"/>
              <a:pathLst>
                <a:path w="6651" h="5106" extrusionOk="0">
                  <a:moveTo>
                    <a:pt x="5257" y="0"/>
                  </a:moveTo>
                  <a:cubicBezTo>
                    <a:pt x="3877" y="403"/>
                    <a:pt x="2719" y="717"/>
                    <a:pt x="2117" y="826"/>
                  </a:cubicBezTo>
                  <a:cubicBezTo>
                    <a:pt x="2023" y="843"/>
                    <a:pt x="1929" y="866"/>
                    <a:pt x="1835" y="897"/>
                  </a:cubicBezTo>
                  <a:cubicBezTo>
                    <a:pt x="625" y="1290"/>
                    <a:pt x="0" y="2653"/>
                    <a:pt x="541" y="3847"/>
                  </a:cubicBezTo>
                  <a:cubicBezTo>
                    <a:pt x="891" y="4617"/>
                    <a:pt x="1674" y="5105"/>
                    <a:pt x="2502" y="5105"/>
                  </a:cubicBezTo>
                  <a:cubicBezTo>
                    <a:pt x="2631" y="5105"/>
                    <a:pt x="2760" y="5094"/>
                    <a:pt x="2889" y="5069"/>
                  </a:cubicBezTo>
                  <a:cubicBezTo>
                    <a:pt x="3108" y="5028"/>
                    <a:pt x="3311" y="4958"/>
                    <a:pt x="3496" y="4862"/>
                  </a:cubicBezTo>
                  <a:cubicBezTo>
                    <a:pt x="4035" y="4583"/>
                    <a:pt x="5164" y="4114"/>
                    <a:pt x="6528" y="3583"/>
                  </a:cubicBezTo>
                  <a:cubicBezTo>
                    <a:pt x="6607" y="3301"/>
                    <a:pt x="6651" y="3005"/>
                    <a:pt x="6651" y="2698"/>
                  </a:cubicBezTo>
                  <a:cubicBezTo>
                    <a:pt x="6651" y="1584"/>
                    <a:pt x="6100" y="601"/>
                    <a:pt x="5257"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2" name="Google Shape;822;p33"/>
            <p:cNvSpPr/>
            <p:nvPr/>
          </p:nvSpPr>
          <p:spPr>
            <a:xfrm>
              <a:off x="4360718" y="3004221"/>
              <a:ext cx="363485" cy="363485"/>
            </a:xfrm>
            <a:custGeom>
              <a:avLst/>
              <a:gdLst/>
              <a:ahLst/>
              <a:cxnLst/>
              <a:rect l="l" t="t" r="r" b="b"/>
              <a:pathLst>
                <a:path w="6629" h="6629" extrusionOk="0">
                  <a:moveTo>
                    <a:pt x="3315" y="0"/>
                  </a:moveTo>
                  <a:cubicBezTo>
                    <a:pt x="1484" y="0"/>
                    <a:pt x="1" y="1484"/>
                    <a:pt x="1" y="3314"/>
                  </a:cubicBezTo>
                  <a:cubicBezTo>
                    <a:pt x="1" y="5144"/>
                    <a:pt x="1484" y="6628"/>
                    <a:pt x="3315" y="6628"/>
                  </a:cubicBezTo>
                  <a:cubicBezTo>
                    <a:pt x="5144" y="6628"/>
                    <a:pt x="6629" y="5144"/>
                    <a:pt x="6629" y="3314"/>
                  </a:cubicBezTo>
                  <a:cubicBezTo>
                    <a:pt x="6629" y="1484"/>
                    <a:pt x="5144" y="0"/>
                    <a:pt x="3315"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3" name="Google Shape;823;p33"/>
            <p:cNvSpPr/>
            <p:nvPr/>
          </p:nvSpPr>
          <p:spPr>
            <a:xfrm>
              <a:off x="4302870" y="3097820"/>
              <a:ext cx="45621" cy="177383"/>
            </a:xfrm>
            <a:custGeom>
              <a:avLst/>
              <a:gdLst/>
              <a:ahLst/>
              <a:cxnLst/>
              <a:rect l="l" t="t" r="r" b="b"/>
              <a:pathLst>
                <a:path w="832" h="3235" extrusionOk="0">
                  <a:moveTo>
                    <a:pt x="0" y="1"/>
                  </a:moveTo>
                  <a:lnTo>
                    <a:pt x="0" y="3234"/>
                  </a:lnTo>
                  <a:lnTo>
                    <a:pt x="831" y="3234"/>
                  </a:lnTo>
                  <a:lnTo>
                    <a:pt x="83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4" name="Google Shape;824;p33"/>
            <p:cNvSpPr/>
            <p:nvPr/>
          </p:nvSpPr>
          <p:spPr>
            <a:xfrm>
              <a:off x="4311423" y="3252119"/>
              <a:ext cx="28568" cy="12282"/>
            </a:xfrm>
            <a:custGeom>
              <a:avLst/>
              <a:gdLst/>
              <a:ahLst/>
              <a:cxnLst/>
              <a:rect l="l" t="t" r="r" b="b"/>
              <a:pathLst>
                <a:path w="521" h="224" extrusionOk="0">
                  <a:moveTo>
                    <a:pt x="112" y="1"/>
                  </a:moveTo>
                  <a:cubicBezTo>
                    <a:pt x="51" y="1"/>
                    <a:pt x="0" y="51"/>
                    <a:pt x="0" y="112"/>
                  </a:cubicBezTo>
                  <a:cubicBezTo>
                    <a:pt x="0" y="174"/>
                    <a:pt x="51" y="224"/>
                    <a:pt x="112" y="224"/>
                  </a:cubicBezTo>
                  <a:lnTo>
                    <a:pt x="409" y="224"/>
                  </a:lnTo>
                  <a:cubicBezTo>
                    <a:pt x="470" y="224"/>
                    <a:pt x="520" y="174"/>
                    <a:pt x="520" y="112"/>
                  </a:cubicBezTo>
                  <a:cubicBezTo>
                    <a:pt x="520" y="51"/>
                    <a:pt x="470" y="1"/>
                    <a:pt x="409"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5" name="Google Shape;825;p33"/>
            <p:cNvSpPr/>
            <p:nvPr/>
          </p:nvSpPr>
          <p:spPr>
            <a:xfrm>
              <a:off x="4311423" y="3216258"/>
              <a:ext cx="28568" cy="12282"/>
            </a:xfrm>
            <a:custGeom>
              <a:avLst/>
              <a:gdLst/>
              <a:ahLst/>
              <a:cxnLst/>
              <a:rect l="l" t="t" r="r" b="b"/>
              <a:pathLst>
                <a:path w="521" h="224" extrusionOk="0">
                  <a:moveTo>
                    <a:pt x="112" y="0"/>
                  </a:moveTo>
                  <a:cubicBezTo>
                    <a:pt x="51" y="0"/>
                    <a:pt x="0" y="50"/>
                    <a:pt x="0" y="112"/>
                  </a:cubicBezTo>
                  <a:cubicBezTo>
                    <a:pt x="0" y="174"/>
                    <a:pt x="51" y="224"/>
                    <a:pt x="112" y="224"/>
                  </a:cubicBezTo>
                  <a:lnTo>
                    <a:pt x="409" y="224"/>
                  </a:lnTo>
                  <a:cubicBezTo>
                    <a:pt x="470" y="224"/>
                    <a:pt x="520" y="174"/>
                    <a:pt x="520" y="112"/>
                  </a:cubicBezTo>
                  <a:cubicBezTo>
                    <a:pt x="520" y="50"/>
                    <a:pt x="470" y="0"/>
                    <a:pt x="409" y="0"/>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6" name="Google Shape;826;p33"/>
            <p:cNvSpPr/>
            <p:nvPr/>
          </p:nvSpPr>
          <p:spPr>
            <a:xfrm>
              <a:off x="4311423" y="3180398"/>
              <a:ext cx="28568" cy="12282"/>
            </a:xfrm>
            <a:custGeom>
              <a:avLst/>
              <a:gdLst/>
              <a:ahLst/>
              <a:cxnLst/>
              <a:rect l="l" t="t" r="r" b="b"/>
              <a:pathLst>
                <a:path w="521" h="224" extrusionOk="0">
                  <a:moveTo>
                    <a:pt x="112" y="0"/>
                  </a:moveTo>
                  <a:cubicBezTo>
                    <a:pt x="51" y="0"/>
                    <a:pt x="0" y="50"/>
                    <a:pt x="0" y="112"/>
                  </a:cubicBezTo>
                  <a:cubicBezTo>
                    <a:pt x="0" y="174"/>
                    <a:pt x="51" y="223"/>
                    <a:pt x="112" y="223"/>
                  </a:cubicBezTo>
                  <a:lnTo>
                    <a:pt x="409" y="223"/>
                  </a:lnTo>
                  <a:cubicBezTo>
                    <a:pt x="470" y="223"/>
                    <a:pt x="520" y="174"/>
                    <a:pt x="520" y="112"/>
                  </a:cubicBezTo>
                  <a:cubicBezTo>
                    <a:pt x="520" y="50"/>
                    <a:pt x="470" y="0"/>
                    <a:pt x="409" y="0"/>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7" name="Google Shape;827;p33"/>
            <p:cNvSpPr/>
            <p:nvPr/>
          </p:nvSpPr>
          <p:spPr>
            <a:xfrm>
              <a:off x="4311423" y="3144482"/>
              <a:ext cx="28568" cy="12282"/>
            </a:xfrm>
            <a:custGeom>
              <a:avLst/>
              <a:gdLst/>
              <a:ahLst/>
              <a:cxnLst/>
              <a:rect l="l" t="t" r="r" b="b"/>
              <a:pathLst>
                <a:path w="521" h="224" extrusionOk="0">
                  <a:moveTo>
                    <a:pt x="112" y="1"/>
                  </a:moveTo>
                  <a:cubicBezTo>
                    <a:pt x="51" y="1"/>
                    <a:pt x="0" y="50"/>
                    <a:pt x="0" y="112"/>
                  </a:cubicBezTo>
                  <a:cubicBezTo>
                    <a:pt x="0" y="173"/>
                    <a:pt x="51" y="224"/>
                    <a:pt x="112" y="224"/>
                  </a:cubicBezTo>
                  <a:lnTo>
                    <a:pt x="409" y="224"/>
                  </a:lnTo>
                  <a:cubicBezTo>
                    <a:pt x="470" y="224"/>
                    <a:pt x="520" y="173"/>
                    <a:pt x="520" y="112"/>
                  </a:cubicBezTo>
                  <a:cubicBezTo>
                    <a:pt x="520" y="50"/>
                    <a:pt x="470" y="1"/>
                    <a:pt x="409"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8" name="Google Shape;828;p33"/>
            <p:cNvSpPr/>
            <p:nvPr/>
          </p:nvSpPr>
          <p:spPr>
            <a:xfrm>
              <a:off x="4311423" y="3108622"/>
              <a:ext cx="28568" cy="12282"/>
            </a:xfrm>
            <a:custGeom>
              <a:avLst/>
              <a:gdLst/>
              <a:ahLst/>
              <a:cxnLst/>
              <a:rect l="l" t="t" r="r" b="b"/>
              <a:pathLst>
                <a:path w="521" h="224" extrusionOk="0">
                  <a:moveTo>
                    <a:pt x="112" y="0"/>
                  </a:moveTo>
                  <a:cubicBezTo>
                    <a:pt x="51" y="0"/>
                    <a:pt x="0" y="50"/>
                    <a:pt x="0" y="112"/>
                  </a:cubicBezTo>
                  <a:cubicBezTo>
                    <a:pt x="0" y="173"/>
                    <a:pt x="51" y="224"/>
                    <a:pt x="112" y="224"/>
                  </a:cubicBezTo>
                  <a:lnTo>
                    <a:pt x="409" y="224"/>
                  </a:lnTo>
                  <a:cubicBezTo>
                    <a:pt x="470" y="224"/>
                    <a:pt x="520" y="173"/>
                    <a:pt x="520" y="112"/>
                  </a:cubicBezTo>
                  <a:cubicBezTo>
                    <a:pt x="520" y="50"/>
                    <a:pt x="470" y="0"/>
                    <a:pt x="409" y="0"/>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9" name="Google Shape;829;p33"/>
            <p:cNvSpPr/>
            <p:nvPr/>
          </p:nvSpPr>
          <p:spPr>
            <a:xfrm>
              <a:off x="4360718" y="3072597"/>
              <a:ext cx="296589" cy="226623"/>
            </a:xfrm>
            <a:custGeom>
              <a:avLst/>
              <a:gdLst/>
              <a:ahLst/>
              <a:cxnLst/>
              <a:rect l="l" t="t" r="r" b="b"/>
              <a:pathLst>
                <a:path w="5409" h="4133" extrusionOk="0">
                  <a:moveTo>
                    <a:pt x="725" y="1"/>
                  </a:moveTo>
                  <a:cubicBezTo>
                    <a:pt x="273" y="568"/>
                    <a:pt x="1" y="1285"/>
                    <a:pt x="1" y="2066"/>
                  </a:cubicBezTo>
                  <a:cubicBezTo>
                    <a:pt x="1" y="2849"/>
                    <a:pt x="273" y="3565"/>
                    <a:pt x="725" y="4133"/>
                  </a:cubicBezTo>
                  <a:lnTo>
                    <a:pt x="3528" y="4133"/>
                  </a:lnTo>
                  <a:cubicBezTo>
                    <a:pt x="4566" y="4133"/>
                    <a:pt x="5409" y="3290"/>
                    <a:pt x="5409" y="2250"/>
                  </a:cubicBezTo>
                  <a:lnTo>
                    <a:pt x="5409" y="1883"/>
                  </a:lnTo>
                  <a:cubicBezTo>
                    <a:pt x="5409" y="843"/>
                    <a:pt x="4566" y="1"/>
                    <a:pt x="3528"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0" name="Google Shape;830;p33"/>
            <p:cNvSpPr/>
            <p:nvPr/>
          </p:nvSpPr>
          <p:spPr>
            <a:xfrm>
              <a:off x="4348435" y="3097820"/>
              <a:ext cx="279755" cy="176232"/>
            </a:xfrm>
            <a:custGeom>
              <a:avLst/>
              <a:gdLst/>
              <a:ahLst/>
              <a:cxnLst/>
              <a:rect l="l" t="t" r="r" b="b"/>
              <a:pathLst>
                <a:path w="5102" h="3214" extrusionOk="0">
                  <a:moveTo>
                    <a:pt x="0" y="1"/>
                  </a:moveTo>
                  <a:lnTo>
                    <a:pt x="0" y="3214"/>
                  </a:lnTo>
                  <a:lnTo>
                    <a:pt x="3495" y="3214"/>
                  </a:lnTo>
                  <a:cubicBezTo>
                    <a:pt x="4383" y="3214"/>
                    <a:pt x="5102" y="2494"/>
                    <a:pt x="5102" y="1607"/>
                  </a:cubicBezTo>
                  <a:cubicBezTo>
                    <a:pt x="5102" y="719"/>
                    <a:pt x="4383" y="1"/>
                    <a:pt x="3495"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1" name="Google Shape;831;p33"/>
            <p:cNvSpPr/>
            <p:nvPr/>
          </p:nvSpPr>
          <p:spPr>
            <a:xfrm>
              <a:off x="4489574" y="3132968"/>
              <a:ext cx="105827" cy="105882"/>
            </a:xfrm>
            <a:custGeom>
              <a:avLst/>
              <a:gdLst/>
              <a:ahLst/>
              <a:cxnLst/>
              <a:rect l="l" t="t" r="r" b="b"/>
              <a:pathLst>
                <a:path w="1930" h="1931" extrusionOk="0">
                  <a:moveTo>
                    <a:pt x="965" y="1"/>
                  </a:moveTo>
                  <a:cubicBezTo>
                    <a:pt x="431" y="1"/>
                    <a:pt x="0" y="433"/>
                    <a:pt x="0" y="966"/>
                  </a:cubicBezTo>
                  <a:cubicBezTo>
                    <a:pt x="0" y="1499"/>
                    <a:pt x="431" y="1931"/>
                    <a:pt x="965" y="1931"/>
                  </a:cubicBezTo>
                  <a:cubicBezTo>
                    <a:pt x="1497" y="1931"/>
                    <a:pt x="1929" y="1499"/>
                    <a:pt x="1929" y="966"/>
                  </a:cubicBezTo>
                  <a:cubicBezTo>
                    <a:pt x="1929" y="433"/>
                    <a:pt x="1497" y="1"/>
                    <a:pt x="965" y="1"/>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2" name="Google Shape;832;p33"/>
            <p:cNvSpPr/>
            <p:nvPr/>
          </p:nvSpPr>
          <p:spPr>
            <a:xfrm>
              <a:off x="4242389" y="3097820"/>
              <a:ext cx="60535" cy="176232"/>
            </a:xfrm>
            <a:custGeom>
              <a:avLst/>
              <a:gdLst/>
              <a:ahLst/>
              <a:cxnLst/>
              <a:rect l="l" t="t" r="r" b="b"/>
              <a:pathLst>
                <a:path w="1104" h="3214" extrusionOk="0">
                  <a:moveTo>
                    <a:pt x="0" y="1"/>
                  </a:moveTo>
                  <a:lnTo>
                    <a:pt x="0" y="3214"/>
                  </a:lnTo>
                  <a:lnTo>
                    <a:pt x="1103" y="3214"/>
                  </a:lnTo>
                  <a:lnTo>
                    <a:pt x="1103"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3" name="Google Shape;833;p33"/>
            <p:cNvSpPr/>
            <p:nvPr/>
          </p:nvSpPr>
          <p:spPr>
            <a:xfrm>
              <a:off x="4203623" y="3117066"/>
              <a:ext cx="38821" cy="137739"/>
            </a:xfrm>
            <a:custGeom>
              <a:avLst/>
              <a:gdLst/>
              <a:ahLst/>
              <a:cxnLst/>
              <a:rect l="l" t="t" r="r" b="b"/>
              <a:pathLst>
                <a:path w="708" h="2512" extrusionOk="0">
                  <a:moveTo>
                    <a:pt x="0" y="0"/>
                  </a:moveTo>
                  <a:lnTo>
                    <a:pt x="0" y="2511"/>
                  </a:lnTo>
                  <a:lnTo>
                    <a:pt x="707" y="2511"/>
                  </a:lnTo>
                  <a:lnTo>
                    <a:pt x="707"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4" name="Google Shape;834;p33"/>
            <p:cNvSpPr/>
            <p:nvPr/>
          </p:nvSpPr>
          <p:spPr>
            <a:xfrm>
              <a:off x="4242389" y="3097820"/>
              <a:ext cx="60535" cy="31255"/>
            </a:xfrm>
            <a:custGeom>
              <a:avLst/>
              <a:gdLst/>
              <a:ahLst/>
              <a:cxnLst/>
              <a:rect l="l" t="t" r="r" b="b"/>
              <a:pathLst>
                <a:path w="1104" h="570" extrusionOk="0">
                  <a:moveTo>
                    <a:pt x="0" y="1"/>
                  </a:moveTo>
                  <a:lnTo>
                    <a:pt x="0" y="569"/>
                  </a:lnTo>
                  <a:lnTo>
                    <a:pt x="1103" y="569"/>
                  </a:lnTo>
                  <a:lnTo>
                    <a:pt x="1103" y="1"/>
                  </a:lnTo>
                  <a:close/>
                </a:path>
              </a:pathLst>
            </a:custGeom>
            <a:solidFill>
              <a:srgbClr val="FFFFFF">
                <a:alpha val="3987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5" name="Google Shape;835;p33"/>
            <p:cNvSpPr/>
            <p:nvPr/>
          </p:nvSpPr>
          <p:spPr>
            <a:xfrm>
              <a:off x="4242389" y="3242797"/>
              <a:ext cx="60535" cy="31200"/>
            </a:xfrm>
            <a:custGeom>
              <a:avLst/>
              <a:gdLst/>
              <a:ahLst/>
              <a:cxnLst/>
              <a:rect l="l" t="t" r="r" b="b"/>
              <a:pathLst>
                <a:path w="1104" h="569" extrusionOk="0">
                  <a:moveTo>
                    <a:pt x="0" y="0"/>
                  </a:moveTo>
                  <a:lnTo>
                    <a:pt x="0" y="569"/>
                  </a:lnTo>
                  <a:lnTo>
                    <a:pt x="1103" y="569"/>
                  </a:lnTo>
                  <a:lnTo>
                    <a:pt x="1103"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6" name="Google Shape;836;p33"/>
            <p:cNvSpPr/>
            <p:nvPr/>
          </p:nvSpPr>
          <p:spPr>
            <a:xfrm>
              <a:off x="4092861" y="3099300"/>
              <a:ext cx="110816" cy="173216"/>
            </a:xfrm>
            <a:custGeom>
              <a:avLst/>
              <a:gdLst/>
              <a:ahLst/>
              <a:cxnLst/>
              <a:rect l="l" t="t" r="r" b="b"/>
              <a:pathLst>
                <a:path w="2021" h="3159" extrusionOk="0">
                  <a:moveTo>
                    <a:pt x="458" y="1"/>
                  </a:moveTo>
                  <a:cubicBezTo>
                    <a:pt x="205" y="1"/>
                    <a:pt x="0" y="207"/>
                    <a:pt x="0" y="460"/>
                  </a:cubicBezTo>
                  <a:lnTo>
                    <a:pt x="0" y="2700"/>
                  </a:lnTo>
                  <a:cubicBezTo>
                    <a:pt x="0" y="2953"/>
                    <a:pt x="205" y="3159"/>
                    <a:pt x="458" y="3159"/>
                  </a:cubicBezTo>
                  <a:lnTo>
                    <a:pt x="2020" y="3159"/>
                  </a:lnTo>
                  <a:lnTo>
                    <a:pt x="2020"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7" name="Google Shape;837;p33"/>
            <p:cNvSpPr/>
            <p:nvPr/>
          </p:nvSpPr>
          <p:spPr>
            <a:xfrm>
              <a:off x="3495516" y="2772828"/>
              <a:ext cx="586159" cy="16559"/>
            </a:xfrm>
            <a:custGeom>
              <a:avLst/>
              <a:gdLst/>
              <a:ahLst/>
              <a:cxnLst/>
              <a:rect l="l" t="t" r="r" b="b"/>
              <a:pathLst>
                <a:path w="10690" h="302" extrusionOk="0">
                  <a:moveTo>
                    <a:pt x="1" y="1"/>
                  </a:moveTo>
                  <a:lnTo>
                    <a:pt x="1" y="302"/>
                  </a:lnTo>
                  <a:lnTo>
                    <a:pt x="10690" y="302"/>
                  </a:lnTo>
                  <a:lnTo>
                    <a:pt x="1069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8" name="Google Shape;838;p33"/>
            <p:cNvSpPr/>
            <p:nvPr/>
          </p:nvSpPr>
          <p:spPr>
            <a:xfrm>
              <a:off x="3495516" y="2787249"/>
              <a:ext cx="586159" cy="586214"/>
            </a:xfrm>
            <a:custGeom>
              <a:avLst/>
              <a:gdLst/>
              <a:ahLst/>
              <a:cxnLst/>
              <a:rect l="l" t="t" r="r" b="b"/>
              <a:pathLst>
                <a:path w="10690" h="10691" extrusionOk="0">
                  <a:moveTo>
                    <a:pt x="1" y="0"/>
                  </a:moveTo>
                  <a:lnTo>
                    <a:pt x="1" y="10691"/>
                  </a:lnTo>
                  <a:lnTo>
                    <a:pt x="10690" y="10691"/>
                  </a:lnTo>
                  <a:lnTo>
                    <a:pt x="10690"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9" name="Google Shape;839;p33"/>
            <p:cNvSpPr/>
            <p:nvPr/>
          </p:nvSpPr>
          <p:spPr>
            <a:xfrm>
              <a:off x="3591144" y="3159068"/>
              <a:ext cx="43482" cy="96560"/>
            </a:xfrm>
            <a:custGeom>
              <a:avLst/>
              <a:gdLst/>
              <a:ahLst/>
              <a:cxnLst/>
              <a:rect l="l" t="t" r="r" b="b"/>
              <a:pathLst>
                <a:path w="793" h="1761" extrusionOk="0">
                  <a:moveTo>
                    <a:pt x="0" y="0"/>
                  </a:moveTo>
                  <a:lnTo>
                    <a:pt x="0" y="1761"/>
                  </a:lnTo>
                  <a:lnTo>
                    <a:pt x="792" y="1761"/>
                  </a:lnTo>
                  <a:lnTo>
                    <a:pt x="792"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0" name="Google Shape;840;p33"/>
            <p:cNvSpPr/>
            <p:nvPr/>
          </p:nvSpPr>
          <p:spPr>
            <a:xfrm>
              <a:off x="3570253" y="3124304"/>
              <a:ext cx="85210" cy="44634"/>
            </a:xfrm>
            <a:custGeom>
              <a:avLst/>
              <a:gdLst/>
              <a:ahLst/>
              <a:cxnLst/>
              <a:rect l="l" t="t" r="r" b="b"/>
              <a:pathLst>
                <a:path w="1554" h="814" extrusionOk="0">
                  <a:moveTo>
                    <a:pt x="777" y="1"/>
                  </a:moveTo>
                  <a:lnTo>
                    <a:pt x="1" y="813"/>
                  </a:lnTo>
                  <a:lnTo>
                    <a:pt x="1554" y="813"/>
                  </a:lnTo>
                  <a:lnTo>
                    <a:pt x="777"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1" name="Google Shape;841;p33"/>
            <p:cNvSpPr/>
            <p:nvPr/>
          </p:nvSpPr>
          <p:spPr>
            <a:xfrm>
              <a:off x="3874189" y="3222728"/>
              <a:ext cx="177767" cy="13873"/>
            </a:xfrm>
            <a:custGeom>
              <a:avLst/>
              <a:gdLst/>
              <a:ahLst/>
              <a:cxnLst/>
              <a:rect l="l" t="t" r="r" b="b"/>
              <a:pathLst>
                <a:path w="3242" h="253" extrusionOk="0">
                  <a:moveTo>
                    <a:pt x="1" y="0"/>
                  </a:moveTo>
                  <a:lnTo>
                    <a:pt x="1" y="252"/>
                  </a:lnTo>
                  <a:lnTo>
                    <a:pt x="3241" y="252"/>
                  </a:lnTo>
                  <a:lnTo>
                    <a:pt x="3241"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2" name="Google Shape;842;p33"/>
            <p:cNvSpPr/>
            <p:nvPr/>
          </p:nvSpPr>
          <p:spPr>
            <a:xfrm>
              <a:off x="3874189" y="3255573"/>
              <a:ext cx="177767" cy="13873"/>
            </a:xfrm>
            <a:custGeom>
              <a:avLst/>
              <a:gdLst/>
              <a:ahLst/>
              <a:cxnLst/>
              <a:rect l="l" t="t" r="r" b="b"/>
              <a:pathLst>
                <a:path w="3242" h="253" extrusionOk="0">
                  <a:moveTo>
                    <a:pt x="1" y="1"/>
                  </a:moveTo>
                  <a:lnTo>
                    <a:pt x="1" y="253"/>
                  </a:lnTo>
                  <a:lnTo>
                    <a:pt x="3241" y="253"/>
                  </a:lnTo>
                  <a:lnTo>
                    <a:pt x="3241"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3" name="Google Shape;843;p33"/>
            <p:cNvSpPr/>
            <p:nvPr/>
          </p:nvSpPr>
          <p:spPr>
            <a:xfrm>
              <a:off x="3874189" y="3288527"/>
              <a:ext cx="177767" cy="13818"/>
            </a:xfrm>
            <a:custGeom>
              <a:avLst/>
              <a:gdLst/>
              <a:ahLst/>
              <a:cxnLst/>
              <a:rect l="l" t="t" r="r" b="b"/>
              <a:pathLst>
                <a:path w="3242" h="252" extrusionOk="0">
                  <a:moveTo>
                    <a:pt x="1" y="0"/>
                  </a:moveTo>
                  <a:lnTo>
                    <a:pt x="1" y="251"/>
                  </a:lnTo>
                  <a:lnTo>
                    <a:pt x="3241" y="251"/>
                  </a:lnTo>
                  <a:lnTo>
                    <a:pt x="3241"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4" name="Google Shape;844;p33"/>
            <p:cNvSpPr/>
            <p:nvPr/>
          </p:nvSpPr>
          <p:spPr>
            <a:xfrm>
              <a:off x="3974971" y="3321372"/>
              <a:ext cx="76985" cy="13927"/>
            </a:xfrm>
            <a:custGeom>
              <a:avLst/>
              <a:gdLst/>
              <a:ahLst/>
              <a:cxnLst/>
              <a:rect l="l" t="t" r="r" b="b"/>
              <a:pathLst>
                <a:path w="1404" h="254" extrusionOk="0">
                  <a:moveTo>
                    <a:pt x="0" y="1"/>
                  </a:moveTo>
                  <a:lnTo>
                    <a:pt x="0" y="253"/>
                  </a:lnTo>
                  <a:lnTo>
                    <a:pt x="1403" y="253"/>
                  </a:lnTo>
                  <a:lnTo>
                    <a:pt x="1403"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5" name="Google Shape;845;p33"/>
            <p:cNvSpPr/>
            <p:nvPr/>
          </p:nvSpPr>
          <p:spPr>
            <a:xfrm>
              <a:off x="3659410" y="3286170"/>
              <a:ext cx="49075" cy="49130"/>
            </a:xfrm>
            <a:custGeom>
              <a:avLst/>
              <a:gdLst/>
              <a:ahLst/>
              <a:cxnLst/>
              <a:rect l="l" t="t" r="r" b="b"/>
              <a:pathLst>
                <a:path w="895" h="896" extrusionOk="0">
                  <a:moveTo>
                    <a:pt x="1" y="1"/>
                  </a:moveTo>
                  <a:lnTo>
                    <a:pt x="1" y="895"/>
                  </a:lnTo>
                  <a:lnTo>
                    <a:pt x="894" y="895"/>
                  </a:lnTo>
                  <a:lnTo>
                    <a:pt x="89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6" name="Google Shape;846;p33"/>
            <p:cNvSpPr/>
            <p:nvPr/>
          </p:nvSpPr>
          <p:spPr>
            <a:xfrm>
              <a:off x="3731241" y="3286170"/>
              <a:ext cx="49020" cy="49130"/>
            </a:xfrm>
            <a:custGeom>
              <a:avLst/>
              <a:gdLst/>
              <a:ahLst/>
              <a:cxnLst/>
              <a:rect l="l" t="t" r="r" b="b"/>
              <a:pathLst>
                <a:path w="894" h="896" extrusionOk="0">
                  <a:moveTo>
                    <a:pt x="1" y="1"/>
                  </a:moveTo>
                  <a:lnTo>
                    <a:pt x="1" y="895"/>
                  </a:lnTo>
                  <a:lnTo>
                    <a:pt x="894" y="895"/>
                  </a:lnTo>
                  <a:lnTo>
                    <a:pt x="89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7" name="Google Shape;847;p33"/>
            <p:cNvSpPr/>
            <p:nvPr/>
          </p:nvSpPr>
          <p:spPr>
            <a:xfrm>
              <a:off x="3588347" y="3286170"/>
              <a:ext cx="49020" cy="49130"/>
            </a:xfrm>
            <a:custGeom>
              <a:avLst/>
              <a:gdLst/>
              <a:ahLst/>
              <a:cxnLst/>
              <a:rect l="l" t="t" r="r" b="b"/>
              <a:pathLst>
                <a:path w="894" h="896" extrusionOk="0">
                  <a:moveTo>
                    <a:pt x="1" y="1"/>
                  </a:moveTo>
                  <a:lnTo>
                    <a:pt x="1" y="895"/>
                  </a:lnTo>
                  <a:lnTo>
                    <a:pt x="894" y="895"/>
                  </a:lnTo>
                  <a:lnTo>
                    <a:pt x="89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8" name="Google Shape;848;p33"/>
            <p:cNvSpPr/>
            <p:nvPr/>
          </p:nvSpPr>
          <p:spPr>
            <a:xfrm>
              <a:off x="3517284" y="3286170"/>
              <a:ext cx="49075" cy="49130"/>
            </a:xfrm>
            <a:custGeom>
              <a:avLst/>
              <a:gdLst/>
              <a:ahLst/>
              <a:cxnLst/>
              <a:rect l="l" t="t" r="r" b="b"/>
              <a:pathLst>
                <a:path w="895" h="896" extrusionOk="0">
                  <a:moveTo>
                    <a:pt x="0" y="1"/>
                  </a:moveTo>
                  <a:lnTo>
                    <a:pt x="0" y="895"/>
                  </a:lnTo>
                  <a:lnTo>
                    <a:pt x="895" y="895"/>
                  </a:lnTo>
                  <a:lnTo>
                    <a:pt x="89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9" name="Google Shape;849;p33"/>
            <p:cNvSpPr/>
            <p:nvPr/>
          </p:nvSpPr>
          <p:spPr>
            <a:xfrm>
              <a:off x="3535818" y="2827112"/>
              <a:ext cx="144484" cy="43592"/>
            </a:xfrm>
            <a:custGeom>
              <a:avLst/>
              <a:gdLst/>
              <a:ahLst/>
              <a:cxnLst/>
              <a:rect l="l" t="t" r="r" b="b"/>
              <a:pathLst>
                <a:path w="2635" h="795" extrusionOk="0">
                  <a:moveTo>
                    <a:pt x="0" y="0"/>
                  </a:moveTo>
                  <a:lnTo>
                    <a:pt x="0" y="795"/>
                  </a:lnTo>
                  <a:lnTo>
                    <a:pt x="2634" y="795"/>
                  </a:lnTo>
                  <a:lnTo>
                    <a:pt x="263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50" name="Google Shape;850;p33"/>
            <p:cNvSpPr/>
            <p:nvPr/>
          </p:nvSpPr>
          <p:spPr>
            <a:xfrm>
              <a:off x="3495516" y="2764548"/>
              <a:ext cx="586159" cy="11844"/>
            </a:xfrm>
            <a:custGeom>
              <a:avLst/>
              <a:gdLst/>
              <a:ahLst/>
              <a:cxnLst/>
              <a:rect l="l" t="t" r="r" b="b"/>
              <a:pathLst>
                <a:path w="10690" h="216" extrusionOk="0">
                  <a:moveTo>
                    <a:pt x="1" y="1"/>
                  </a:moveTo>
                  <a:lnTo>
                    <a:pt x="1" y="216"/>
                  </a:lnTo>
                  <a:lnTo>
                    <a:pt x="10690" y="216"/>
                  </a:lnTo>
                  <a:lnTo>
                    <a:pt x="10690"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51" name="Google Shape;851;p33"/>
            <p:cNvSpPr/>
            <p:nvPr/>
          </p:nvSpPr>
          <p:spPr>
            <a:xfrm>
              <a:off x="3752680" y="2764548"/>
              <a:ext cx="71885" cy="269337"/>
            </a:xfrm>
            <a:custGeom>
              <a:avLst/>
              <a:gdLst/>
              <a:ahLst/>
              <a:cxnLst/>
              <a:rect l="l" t="t" r="r" b="b"/>
              <a:pathLst>
                <a:path w="1311" h="4912" extrusionOk="0">
                  <a:moveTo>
                    <a:pt x="0" y="1"/>
                  </a:moveTo>
                  <a:lnTo>
                    <a:pt x="0" y="4912"/>
                  </a:lnTo>
                  <a:lnTo>
                    <a:pt x="1310" y="4912"/>
                  </a:lnTo>
                  <a:lnTo>
                    <a:pt x="1310"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852" name="Google Shape;852;p33"/>
          <p:cNvGrpSpPr/>
          <p:nvPr/>
        </p:nvGrpSpPr>
        <p:grpSpPr>
          <a:xfrm flipH="1">
            <a:off x="5690775" y="539178"/>
            <a:ext cx="3148432" cy="4478592"/>
            <a:chOff x="4588400" y="752503"/>
            <a:chExt cx="1247200" cy="1774051"/>
          </a:xfrm>
        </p:grpSpPr>
        <p:sp>
          <p:nvSpPr>
            <p:cNvPr id="853" name="Google Shape;853;p33"/>
            <p:cNvSpPr/>
            <p:nvPr/>
          </p:nvSpPr>
          <p:spPr>
            <a:xfrm>
              <a:off x="4678825" y="752525"/>
              <a:ext cx="1156775" cy="445275"/>
            </a:xfrm>
            <a:custGeom>
              <a:avLst/>
              <a:gdLst/>
              <a:ahLst/>
              <a:cxnLst/>
              <a:rect l="l" t="t" r="r" b="b"/>
              <a:pathLst>
                <a:path w="46271" h="17811" extrusionOk="0">
                  <a:moveTo>
                    <a:pt x="37707" y="6102"/>
                  </a:moveTo>
                  <a:lnTo>
                    <a:pt x="37707" y="7184"/>
                  </a:lnTo>
                  <a:lnTo>
                    <a:pt x="37419" y="7184"/>
                  </a:lnTo>
                  <a:lnTo>
                    <a:pt x="37419" y="6463"/>
                  </a:lnTo>
                  <a:lnTo>
                    <a:pt x="37140" y="6463"/>
                  </a:lnTo>
                  <a:lnTo>
                    <a:pt x="37140" y="7019"/>
                  </a:lnTo>
                  <a:lnTo>
                    <a:pt x="36673" y="7019"/>
                  </a:lnTo>
                  <a:cubicBezTo>
                    <a:pt x="36669" y="6993"/>
                    <a:pt x="36653" y="6970"/>
                    <a:pt x="36626" y="6964"/>
                  </a:cubicBezTo>
                  <a:lnTo>
                    <a:pt x="36606" y="6962"/>
                  </a:lnTo>
                  <a:lnTo>
                    <a:pt x="36606" y="6962"/>
                  </a:lnTo>
                  <a:cubicBezTo>
                    <a:pt x="36609" y="6962"/>
                    <a:pt x="36612" y="6962"/>
                    <a:pt x="36614" y="6962"/>
                  </a:cubicBezTo>
                  <a:cubicBezTo>
                    <a:pt x="36644" y="6962"/>
                    <a:pt x="36670" y="6941"/>
                    <a:pt x="36677" y="6911"/>
                  </a:cubicBezTo>
                  <a:cubicBezTo>
                    <a:pt x="36683" y="6877"/>
                    <a:pt x="36660" y="6843"/>
                    <a:pt x="36626" y="6837"/>
                  </a:cubicBezTo>
                  <a:lnTo>
                    <a:pt x="36605" y="6833"/>
                  </a:lnTo>
                  <a:lnTo>
                    <a:pt x="36605" y="6833"/>
                  </a:lnTo>
                  <a:cubicBezTo>
                    <a:pt x="36608" y="6834"/>
                    <a:pt x="36611" y="6834"/>
                    <a:pt x="36615" y="6834"/>
                  </a:cubicBezTo>
                  <a:cubicBezTo>
                    <a:pt x="36645" y="6834"/>
                    <a:pt x="36671" y="6813"/>
                    <a:pt x="36677" y="6782"/>
                  </a:cubicBezTo>
                  <a:cubicBezTo>
                    <a:pt x="36679" y="6771"/>
                    <a:pt x="36674" y="6761"/>
                    <a:pt x="36670" y="6750"/>
                  </a:cubicBezTo>
                  <a:cubicBezTo>
                    <a:pt x="36678" y="6740"/>
                    <a:pt x="36685" y="6729"/>
                    <a:pt x="36686" y="6715"/>
                  </a:cubicBezTo>
                  <a:cubicBezTo>
                    <a:pt x="36680" y="6682"/>
                    <a:pt x="36680" y="6682"/>
                    <a:pt x="36627" y="6641"/>
                  </a:cubicBezTo>
                  <a:lnTo>
                    <a:pt x="36610" y="6631"/>
                  </a:lnTo>
                  <a:cubicBezTo>
                    <a:pt x="36552" y="6597"/>
                    <a:pt x="36486" y="6584"/>
                    <a:pt x="36420" y="6581"/>
                  </a:cubicBezTo>
                  <a:cubicBezTo>
                    <a:pt x="36413" y="6580"/>
                    <a:pt x="36406" y="6580"/>
                    <a:pt x="36400" y="6580"/>
                  </a:cubicBezTo>
                  <a:cubicBezTo>
                    <a:pt x="36381" y="6579"/>
                    <a:pt x="36363" y="6578"/>
                    <a:pt x="36346" y="6578"/>
                  </a:cubicBezTo>
                  <a:cubicBezTo>
                    <a:pt x="36294" y="6578"/>
                    <a:pt x="36247" y="6584"/>
                    <a:pt x="36198" y="6609"/>
                  </a:cubicBezTo>
                  <a:lnTo>
                    <a:pt x="36183" y="6615"/>
                  </a:lnTo>
                  <a:cubicBezTo>
                    <a:pt x="36172" y="6622"/>
                    <a:pt x="36161" y="6631"/>
                    <a:pt x="36152" y="6639"/>
                  </a:cubicBezTo>
                  <a:cubicBezTo>
                    <a:pt x="36150" y="6640"/>
                    <a:pt x="36149" y="6641"/>
                    <a:pt x="36147" y="6642"/>
                  </a:cubicBezTo>
                  <a:cubicBezTo>
                    <a:pt x="36143" y="6646"/>
                    <a:pt x="36140" y="6652"/>
                    <a:pt x="36137" y="6656"/>
                  </a:cubicBezTo>
                  <a:cubicBezTo>
                    <a:pt x="36132" y="6664"/>
                    <a:pt x="36124" y="6670"/>
                    <a:pt x="36122" y="6679"/>
                  </a:cubicBezTo>
                  <a:cubicBezTo>
                    <a:pt x="36122" y="6682"/>
                    <a:pt x="36124" y="6684"/>
                    <a:pt x="36124" y="6686"/>
                  </a:cubicBezTo>
                  <a:cubicBezTo>
                    <a:pt x="36124" y="6687"/>
                    <a:pt x="36123" y="6687"/>
                    <a:pt x="36123" y="6688"/>
                  </a:cubicBezTo>
                  <a:cubicBezTo>
                    <a:pt x="36123" y="6690"/>
                    <a:pt x="36126" y="6693"/>
                    <a:pt x="36126" y="6696"/>
                  </a:cubicBezTo>
                  <a:cubicBezTo>
                    <a:pt x="36127" y="6709"/>
                    <a:pt x="36130" y="6720"/>
                    <a:pt x="36138" y="6731"/>
                  </a:cubicBezTo>
                  <a:cubicBezTo>
                    <a:pt x="36142" y="6735"/>
                    <a:pt x="36147" y="6736"/>
                    <a:pt x="36151" y="6739"/>
                  </a:cubicBezTo>
                  <a:cubicBezTo>
                    <a:pt x="36158" y="6744"/>
                    <a:pt x="36163" y="6751"/>
                    <a:pt x="36173" y="6754"/>
                  </a:cubicBezTo>
                  <a:lnTo>
                    <a:pt x="36194" y="6758"/>
                  </a:lnTo>
                  <a:cubicBezTo>
                    <a:pt x="36190" y="6757"/>
                    <a:pt x="36187" y="6757"/>
                    <a:pt x="36183" y="6757"/>
                  </a:cubicBezTo>
                  <a:cubicBezTo>
                    <a:pt x="36154" y="6757"/>
                    <a:pt x="36128" y="6777"/>
                    <a:pt x="36122" y="6807"/>
                  </a:cubicBezTo>
                  <a:cubicBezTo>
                    <a:pt x="36116" y="6841"/>
                    <a:pt x="36138" y="6874"/>
                    <a:pt x="36173" y="6881"/>
                  </a:cubicBezTo>
                  <a:lnTo>
                    <a:pt x="36194" y="6885"/>
                  </a:lnTo>
                  <a:cubicBezTo>
                    <a:pt x="36191" y="6884"/>
                    <a:pt x="36188" y="6884"/>
                    <a:pt x="36184" y="6884"/>
                  </a:cubicBezTo>
                  <a:cubicBezTo>
                    <a:pt x="36155" y="6884"/>
                    <a:pt x="36128" y="6905"/>
                    <a:pt x="36122" y="6935"/>
                  </a:cubicBezTo>
                  <a:cubicBezTo>
                    <a:pt x="36116" y="6970"/>
                    <a:pt x="36138" y="7003"/>
                    <a:pt x="36173" y="7009"/>
                  </a:cubicBezTo>
                  <a:lnTo>
                    <a:pt x="36194" y="7013"/>
                  </a:lnTo>
                  <a:lnTo>
                    <a:pt x="36194" y="7013"/>
                  </a:lnTo>
                  <a:cubicBezTo>
                    <a:pt x="36192" y="7013"/>
                    <a:pt x="36191" y="7012"/>
                    <a:pt x="36189" y="7012"/>
                  </a:cubicBezTo>
                  <a:cubicBezTo>
                    <a:pt x="36181" y="7012"/>
                    <a:pt x="36174" y="7016"/>
                    <a:pt x="36166" y="7018"/>
                  </a:cubicBezTo>
                  <a:lnTo>
                    <a:pt x="36010" y="7018"/>
                  </a:lnTo>
                  <a:cubicBezTo>
                    <a:pt x="36006" y="6992"/>
                    <a:pt x="35991" y="6970"/>
                    <a:pt x="35964" y="6964"/>
                  </a:cubicBezTo>
                  <a:lnTo>
                    <a:pt x="35942" y="6960"/>
                  </a:lnTo>
                  <a:lnTo>
                    <a:pt x="35942" y="6960"/>
                  </a:lnTo>
                  <a:cubicBezTo>
                    <a:pt x="35946" y="6961"/>
                    <a:pt x="35950" y="6961"/>
                    <a:pt x="35954" y="6961"/>
                  </a:cubicBezTo>
                  <a:cubicBezTo>
                    <a:pt x="35983" y="6961"/>
                    <a:pt x="36009" y="6941"/>
                    <a:pt x="36014" y="6911"/>
                  </a:cubicBezTo>
                  <a:cubicBezTo>
                    <a:pt x="36021" y="6877"/>
                    <a:pt x="35998" y="6843"/>
                    <a:pt x="35964" y="6837"/>
                  </a:cubicBezTo>
                  <a:lnTo>
                    <a:pt x="35942" y="6833"/>
                  </a:lnTo>
                  <a:lnTo>
                    <a:pt x="35942" y="6833"/>
                  </a:lnTo>
                  <a:cubicBezTo>
                    <a:pt x="35945" y="6834"/>
                    <a:pt x="35949" y="6834"/>
                    <a:pt x="35952" y="6834"/>
                  </a:cubicBezTo>
                  <a:cubicBezTo>
                    <a:pt x="35982" y="6834"/>
                    <a:pt x="36009" y="6813"/>
                    <a:pt x="36014" y="6782"/>
                  </a:cubicBezTo>
                  <a:cubicBezTo>
                    <a:pt x="36016" y="6771"/>
                    <a:pt x="36011" y="6761"/>
                    <a:pt x="36007" y="6749"/>
                  </a:cubicBezTo>
                  <a:cubicBezTo>
                    <a:pt x="36015" y="6740"/>
                    <a:pt x="36024" y="6729"/>
                    <a:pt x="36024" y="6714"/>
                  </a:cubicBezTo>
                  <a:cubicBezTo>
                    <a:pt x="36017" y="6682"/>
                    <a:pt x="36017" y="6682"/>
                    <a:pt x="35966" y="6641"/>
                  </a:cubicBezTo>
                  <a:lnTo>
                    <a:pt x="35948" y="6629"/>
                  </a:lnTo>
                  <a:cubicBezTo>
                    <a:pt x="35890" y="6596"/>
                    <a:pt x="35824" y="6584"/>
                    <a:pt x="35757" y="6581"/>
                  </a:cubicBezTo>
                  <a:cubicBezTo>
                    <a:pt x="35751" y="6580"/>
                    <a:pt x="35745" y="6580"/>
                    <a:pt x="35738" y="6580"/>
                  </a:cubicBezTo>
                  <a:cubicBezTo>
                    <a:pt x="35719" y="6579"/>
                    <a:pt x="35700" y="6578"/>
                    <a:pt x="35681" y="6578"/>
                  </a:cubicBezTo>
                  <a:cubicBezTo>
                    <a:pt x="35631" y="6578"/>
                    <a:pt x="35584" y="6584"/>
                    <a:pt x="35537" y="6609"/>
                  </a:cubicBezTo>
                  <a:lnTo>
                    <a:pt x="35521" y="6615"/>
                  </a:lnTo>
                  <a:cubicBezTo>
                    <a:pt x="35509" y="6622"/>
                    <a:pt x="35500" y="6631"/>
                    <a:pt x="35489" y="6639"/>
                  </a:cubicBezTo>
                  <a:cubicBezTo>
                    <a:pt x="35488" y="6640"/>
                    <a:pt x="35486" y="6641"/>
                    <a:pt x="35485" y="6642"/>
                  </a:cubicBezTo>
                  <a:cubicBezTo>
                    <a:pt x="35480" y="6646"/>
                    <a:pt x="35479" y="6652"/>
                    <a:pt x="35475" y="6656"/>
                  </a:cubicBezTo>
                  <a:cubicBezTo>
                    <a:pt x="35470" y="6664"/>
                    <a:pt x="35462" y="6670"/>
                    <a:pt x="35460" y="6679"/>
                  </a:cubicBezTo>
                  <a:cubicBezTo>
                    <a:pt x="35459" y="6682"/>
                    <a:pt x="35461" y="6683"/>
                    <a:pt x="35461" y="6686"/>
                  </a:cubicBezTo>
                  <a:cubicBezTo>
                    <a:pt x="35461" y="6686"/>
                    <a:pt x="35461" y="6687"/>
                    <a:pt x="35461" y="6687"/>
                  </a:cubicBezTo>
                  <a:cubicBezTo>
                    <a:pt x="35460" y="6690"/>
                    <a:pt x="35463" y="6693"/>
                    <a:pt x="35463" y="6696"/>
                  </a:cubicBezTo>
                  <a:cubicBezTo>
                    <a:pt x="35464" y="6709"/>
                    <a:pt x="35468" y="6720"/>
                    <a:pt x="35476" y="6731"/>
                  </a:cubicBezTo>
                  <a:cubicBezTo>
                    <a:pt x="35480" y="6735"/>
                    <a:pt x="35484" y="6736"/>
                    <a:pt x="35488" y="6738"/>
                  </a:cubicBezTo>
                  <a:cubicBezTo>
                    <a:pt x="35495" y="6744"/>
                    <a:pt x="35502" y="6751"/>
                    <a:pt x="35511" y="6754"/>
                  </a:cubicBezTo>
                  <a:lnTo>
                    <a:pt x="35532" y="6756"/>
                  </a:lnTo>
                  <a:lnTo>
                    <a:pt x="35532" y="6756"/>
                  </a:lnTo>
                  <a:cubicBezTo>
                    <a:pt x="35529" y="6756"/>
                    <a:pt x="35526" y="6756"/>
                    <a:pt x="35523" y="6756"/>
                  </a:cubicBezTo>
                  <a:cubicBezTo>
                    <a:pt x="35493" y="6756"/>
                    <a:pt x="35466" y="6777"/>
                    <a:pt x="35460" y="6807"/>
                  </a:cubicBezTo>
                  <a:cubicBezTo>
                    <a:pt x="35454" y="6841"/>
                    <a:pt x="35477" y="6874"/>
                    <a:pt x="35511" y="6881"/>
                  </a:cubicBezTo>
                  <a:lnTo>
                    <a:pt x="35533" y="6885"/>
                  </a:lnTo>
                  <a:cubicBezTo>
                    <a:pt x="35529" y="6884"/>
                    <a:pt x="35526" y="6884"/>
                    <a:pt x="35523" y="6884"/>
                  </a:cubicBezTo>
                  <a:cubicBezTo>
                    <a:pt x="35493" y="6884"/>
                    <a:pt x="35466" y="6905"/>
                    <a:pt x="35460" y="6935"/>
                  </a:cubicBezTo>
                  <a:cubicBezTo>
                    <a:pt x="35454" y="6970"/>
                    <a:pt x="35477" y="7002"/>
                    <a:pt x="35511" y="7009"/>
                  </a:cubicBezTo>
                  <a:lnTo>
                    <a:pt x="35532" y="7013"/>
                  </a:lnTo>
                  <a:lnTo>
                    <a:pt x="35532" y="7013"/>
                  </a:lnTo>
                  <a:cubicBezTo>
                    <a:pt x="35530" y="7013"/>
                    <a:pt x="35529" y="7012"/>
                    <a:pt x="35527" y="7012"/>
                  </a:cubicBezTo>
                  <a:cubicBezTo>
                    <a:pt x="35519" y="7012"/>
                    <a:pt x="35512" y="7016"/>
                    <a:pt x="35505" y="7018"/>
                  </a:cubicBezTo>
                  <a:lnTo>
                    <a:pt x="35349" y="7018"/>
                  </a:lnTo>
                  <a:cubicBezTo>
                    <a:pt x="35345" y="6992"/>
                    <a:pt x="35329" y="6970"/>
                    <a:pt x="35302" y="6964"/>
                  </a:cubicBezTo>
                  <a:lnTo>
                    <a:pt x="35280" y="6960"/>
                  </a:lnTo>
                  <a:lnTo>
                    <a:pt x="35280" y="6960"/>
                  </a:lnTo>
                  <a:cubicBezTo>
                    <a:pt x="35284" y="6961"/>
                    <a:pt x="35288" y="6961"/>
                    <a:pt x="35292" y="6961"/>
                  </a:cubicBezTo>
                  <a:cubicBezTo>
                    <a:pt x="35321" y="6961"/>
                    <a:pt x="35347" y="6940"/>
                    <a:pt x="35353" y="6911"/>
                  </a:cubicBezTo>
                  <a:cubicBezTo>
                    <a:pt x="35359" y="6877"/>
                    <a:pt x="35336" y="6843"/>
                    <a:pt x="35302" y="6837"/>
                  </a:cubicBezTo>
                  <a:lnTo>
                    <a:pt x="35280" y="6833"/>
                  </a:lnTo>
                  <a:lnTo>
                    <a:pt x="35280" y="6833"/>
                  </a:lnTo>
                  <a:cubicBezTo>
                    <a:pt x="35284" y="6834"/>
                    <a:pt x="35287" y="6834"/>
                    <a:pt x="35290" y="6834"/>
                  </a:cubicBezTo>
                  <a:cubicBezTo>
                    <a:pt x="35320" y="6834"/>
                    <a:pt x="35347" y="6813"/>
                    <a:pt x="35353" y="6782"/>
                  </a:cubicBezTo>
                  <a:cubicBezTo>
                    <a:pt x="35355" y="6771"/>
                    <a:pt x="35350" y="6761"/>
                    <a:pt x="35346" y="6749"/>
                  </a:cubicBezTo>
                  <a:cubicBezTo>
                    <a:pt x="35354" y="6739"/>
                    <a:pt x="35361" y="6729"/>
                    <a:pt x="35362" y="6714"/>
                  </a:cubicBezTo>
                  <a:cubicBezTo>
                    <a:pt x="35356" y="6682"/>
                    <a:pt x="35356" y="6682"/>
                    <a:pt x="35303" y="6641"/>
                  </a:cubicBezTo>
                  <a:lnTo>
                    <a:pt x="35286" y="6629"/>
                  </a:lnTo>
                  <a:cubicBezTo>
                    <a:pt x="35228" y="6596"/>
                    <a:pt x="35162" y="6584"/>
                    <a:pt x="35095" y="6580"/>
                  </a:cubicBezTo>
                  <a:lnTo>
                    <a:pt x="35076" y="6580"/>
                  </a:lnTo>
                  <a:cubicBezTo>
                    <a:pt x="35056" y="6579"/>
                    <a:pt x="35036" y="6578"/>
                    <a:pt x="35017" y="6578"/>
                  </a:cubicBezTo>
                  <a:cubicBezTo>
                    <a:pt x="34968" y="6578"/>
                    <a:pt x="34922" y="6584"/>
                    <a:pt x="34874" y="6609"/>
                  </a:cubicBezTo>
                  <a:lnTo>
                    <a:pt x="34859" y="6615"/>
                  </a:lnTo>
                  <a:cubicBezTo>
                    <a:pt x="34847" y="6622"/>
                    <a:pt x="34837" y="6629"/>
                    <a:pt x="34828" y="6638"/>
                  </a:cubicBezTo>
                  <a:cubicBezTo>
                    <a:pt x="34826" y="6640"/>
                    <a:pt x="34825" y="6641"/>
                    <a:pt x="34823" y="6642"/>
                  </a:cubicBezTo>
                  <a:cubicBezTo>
                    <a:pt x="34818" y="6646"/>
                    <a:pt x="34816" y="6652"/>
                    <a:pt x="34813" y="6656"/>
                  </a:cubicBezTo>
                  <a:cubicBezTo>
                    <a:pt x="34808" y="6664"/>
                    <a:pt x="34800" y="6670"/>
                    <a:pt x="34799" y="6679"/>
                  </a:cubicBezTo>
                  <a:cubicBezTo>
                    <a:pt x="34798" y="6682"/>
                    <a:pt x="34800" y="6683"/>
                    <a:pt x="34800" y="6686"/>
                  </a:cubicBezTo>
                  <a:cubicBezTo>
                    <a:pt x="34800" y="6686"/>
                    <a:pt x="34799" y="6687"/>
                    <a:pt x="34799" y="6687"/>
                  </a:cubicBezTo>
                  <a:cubicBezTo>
                    <a:pt x="34799" y="6690"/>
                    <a:pt x="34802" y="6693"/>
                    <a:pt x="34802" y="6696"/>
                  </a:cubicBezTo>
                  <a:cubicBezTo>
                    <a:pt x="34803" y="6709"/>
                    <a:pt x="34806" y="6720"/>
                    <a:pt x="34814" y="6731"/>
                  </a:cubicBezTo>
                  <a:cubicBezTo>
                    <a:pt x="34817" y="6735"/>
                    <a:pt x="34823" y="6735"/>
                    <a:pt x="34827" y="6738"/>
                  </a:cubicBezTo>
                  <a:cubicBezTo>
                    <a:pt x="34834" y="6743"/>
                    <a:pt x="34839" y="6751"/>
                    <a:pt x="34849" y="6752"/>
                  </a:cubicBezTo>
                  <a:lnTo>
                    <a:pt x="34870" y="6757"/>
                  </a:lnTo>
                  <a:cubicBezTo>
                    <a:pt x="34867" y="6756"/>
                    <a:pt x="34864" y="6756"/>
                    <a:pt x="34860" y="6756"/>
                  </a:cubicBezTo>
                  <a:cubicBezTo>
                    <a:pt x="34831" y="6756"/>
                    <a:pt x="34804" y="6777"/>
                    <a:pt x="34799" y="6807"/>
                  </a:cubicBezTo>
                  <a:cubicBezTo>
                    <a:pt x="34793" y="6841"/>
                    <a:pt x="34814" y="6874"/>
                    <a:pt x="34849" y="6881"/>
                  </a:cubicBezTo>
                  <a:lnTo>
                    <a:pt x="34871" y="6885"/>
                  </a:lnTo>
                  <a:cubicBezTo>
                    <a:pt x="34868" y="6884"/>
                    <a:pt x="34864" y="6884"/>
                    <a:pt x="34861" y="6884"/>
                  </a:cubicBezTo>
                  <a:cubicBezTo>
                    <a:pt x="34831" y="6884"/>
                    <a:pt x="34804" y="6905"/>
                    <a:pt x="34799" y="6934"/>
                  </a:cubicBezTo>
                  <a:cubicBezTo>
                    <a:pt x="34793" y="6969"/>
                    <a:pt x="34814" y="7002"/>
                    <a:pt x="34849" y="7009"/>
                  </a:cubicBezTo>
                  <a:lnTo>
                    <a:pt x="34871" y="7012"/>
                  </a:lnTo>
                  <a:cubicBezTo>
                    <a:pt x="34870" y="7012"/>
                    <a:pt x="34869" y="7012"/>
                    <a:pt x="34868" y="7012"/>
                  </a:cubicBezTo>
                  <a:cubicBezTo>
                    <a:pt x="34859" y="7012"/>
                    <a:pt x="34851" y="7015"/>
                    <a:pt x="34842" y="7018"/>
                  </a:cubicBezTo>
                  <a:lnTo>
                    <a:pt x="34687" y="7018"/>
                  </a:lnTo>
                  <a:cubicBezTo>
                    <a:pt x="34683" y="6992"/>
                    <a:pt x="34668" y="6970"/>
                    <a:pt x="34641" y="6964"/>
                  </a:cubicBezTo>
                  <a:lnTo>
                    <a:pt x="34619" y="6960"/>
                  </a:lnTo>
                  <a:lnTo>
                    <a:pt x="34619" y="6960"/>
                  </a:lnTo>
                  <a:cubicBezTo>
                    <a:pt x="34622" y="6961"/>
                    <a:pt x="34625" y="6961"/>
                    <a:pt x="34629" y="6961"/>
                  </a:cubicBezTo>
                  <a:cubicBezTo>
                    <a:pt x="34658" y="6961"/>
                    <a:pt x="34685" y="6940"/>
                    <a:pt x="34690" y="6911"/>
                  </a:cubicBezTo>
                  <a:cubicBezTo>
                    <a:pt x="34697" y="6877"/>
                    <a:pt x="34675" y="6843"/>
                    <a:pt x="34641" y="6836"/>
                  </a:cubicBezTo>
                  <a:lnTo>
                    <a:pt x="34621" y="6833"/>
                  </a:lnTo>
                  <a:lnTo>
                    <a:pt x="34621" y="6833"/>
                  </a:lnTo>
                  <a:cubicBezTo>
                    <a:pt x="34623" y="6834"/>
                    <a:pt x="34626" y="6834"/>
                    <a:pt x="34629" y="6834"/>
                  </a:cubicBezTo>
                  <a:cubicBezTo>
                    <a:pt x="34658" y="6834"/>
                    <a:pt x="34685" y="6813"/>
                    <a:pt x="34690" y="6782"/>
                  </a:cubicBezTo>
                  <a:cubicBezTo>
                    <a:pt x="34692" y="6770"/>
                    <a:pt x="34688" y="6760"/>
                    <a:pt x="34684" y="6749"/>
                  </a:cubicBezTo>
                  <a:cubicBezTo>
                    <a:pt x="34691" y="6739"/>
                    <a:pt x="34700" y="6729"/>
                    <a:pt x="34701" y="6714"/>
                  </a:cubicBezTo>
                  <a:cubicBezTo>
                    <a:pt x="34694" y="6682"/>
                    <a:pt x="34694" y="6682"/>
                    <a:pt x="34642" y="6641"/>
                  </a:cubicBezTo>
                  <a:lnTo>
                    <a:pt x="34624" y="6629"/>
                  </a:lnTo>
                  <a:cubicBezTo>
                    <a:pt x="34566" y="6596"/>
                    <a:pt x="34500" y="6584"/>
                    <a:pt x="34434" y="6580"/>
                  </a:cubicBezTo>
                  <a:cubicBezTo>
                    <a:pt x="34427" y="6580"/>
                    <a:pt x="34420" y="6580"/>
                    <a:pt x="34414" y="6579"/>
                  </a:cubicBezTo>
                  <a:cubicBezTo>
                    <a:pt x="34396" y="6578"/>
                    <a:pt x="34378" y="6577"/>
                    <a:pt x="34360" y="6577"/>
                  </a:cubicBezTo>
                  <a:cubicBezTo>
                    <a:pt x="34309" y="6577"/>
                    <a:pt x="34261" y="6583"/>
                    <a:pt x="34213" y="6608"/>
                  </a:cubicBezTo>
                  <a:lnTo>
                    <a:pt x="34197" y="6615"/>
                  </a:lnTo>
                  <a:cubicBezTo>
                    <a:pt x="34186" y="6622"/>
                    <a:pt x="34175" y="6629"/>
                    <a:pt x="34166" y="6638"/>
                  </a:cubicBezTo>
                  <a:cubicBezTo>
                    <a:pt x="34164" y="6639"/>
                    <a:pt x="34163" y="6641"/>
                    <a:pt x="34161" y="6642"/>
                  </a:cubicBezTo>
                  <a:cubicBezTo>
                    <a:pt x="34157" y="6646"/>
                    <a:pt x="34155" y="6651"/>
                    <a:pt x="34152" y="6656"/>
                  </a:cubicBezTo>
                  <a:cubicBezTo>
                    <a:pt x="34145" y="6664"/>
                    <a:pt x="34138" y="6670"/>
                    <a:pt x="34136" y="6679"/>
                  </a:cubicBezTo>
                  <a:cubicBezTo>
                    <a:pt x="34136" y="6682"/>
                    <a:pt x="34138" y="6683"/>
                    <a:pt x="34138" y="6686"/>
                  </a:cubicBezTo>
                  <a:cubicBezTo>
                    <a:pt x="34138" y="6686"/>
                    <a:pt x="34137" y="6687"/>
                    <a:pt x="34137" y="6687"/>
                  </a:cubicBezTo>
                  <a:cubicBezTo>
                    <a:pt x="34137" y="6690"/>
                    <a:pt x="34139" y="6693"/>
                    <a:pt x="34140" y="6696"/>
                  </a:cubicBezTo>
                  <a:cubicBezTo>
                    <a:pt x="34141" y="6709"/>
                    <a:pt x="34143" y="6720"/>
                    <a:pt x="34153" y="6731"/>
                  </a:cubicBezTo>
                  <a:cubicBezTo>
                    <a:pt x="34156" y="6734"/>
                    <a:pt x="34161" y="6735"/>
                    <a:pt x="34164" y="6738"/>
                  </a:cubicBezTo>
                  <a:cubicBezTo>
                    <a:pt x="34172" y="6743"/>
                    <a:pt x="34178" y="6751"/>
                    <a:pt x="34187" y="6752"/>
                  </a:cubicBezTo>
                  <a:lnTo>
                    <a:pt x="34209" y="6757"/>
                  </a:lnTo>
                  <a:cubicBezTo>
                    <a:pt x="34205" y="6756"/>
                    <a:pt x="34202" y="6756"/>
                    <a:pt x="34199" y="6756"/>
                  </a:cubicBezTo>
                  <a:cubicBezTo>
                    <a:pt x="34168" y="6756"/>
                    <a:pt x="34142" y="6777"/>
                    <a:pt x="34136" y="6807"/>
                  </a:cubicBezTo>
                  <a:cubicBezTo>
                    <a:pt x="34130" y="6841"/>
                    <a:pt x="34153" y="6874"/>
                    <a:pt x="34187" y="6881"/>
                  </a:cubicBezTo>
                  <a:lnTo>
                    <a:pt x="34209" y="6885"/>
                  </a:lnTo>
                  <a:cubicBezTo>
                    <a:pt x="34205" y="6884"/>
                    <a:pt x="34202" y="6884"/>
                    <a:pt x="34199" y="6884"/>
                  </a:cubicBezTo>
                  <a:cubicBezTo>
                    <a:pt x="34169" y="6884"/>
                    <a:pt x="34142" y="6905"/>
                    <a:pt x="34136" y="6934"/>
                  </a:cubicBezTo>
                  <a:cubicBezTo>
                    <a:pt x="34130" y="6969"/>
                    <a:pt x="34153" y="7002"/>
                    <a:pt x="34187" y="7009"/>
                  </a:cubicBezTo>
                  <a:lnTo>
                    <a:pt x="34209" y="7012"/>
                  </a:lnTo>
                  <a:cubicBezTo>
                    <a:pt x="34208" y="7012"/>
                    <a:pt x="34207" y="7012"/>
                    <a:pt x="34206" y="7012"/>
                  </a:cubicBezTo>
                  <a:cubicBezTo>
                    <a:pt x="34197" y="7012"/>
                    <a:pt x="34189" y="7015"/>
                    <a:pt x="34181" y="7018"/>
                  </a:cubicBezTo>
                  <a:lnTo>
                    <a:pt x="34025" y="7018"/>
                  </a:lnTo>
                  <a:cubicBezTo>
                    <a:pt x="34020" y="6992"/>
                    <a:pt x="34006" y="6970"/>
                    <a:pt x="33978" y="6964"/>
                  </a:cubicBezTo>
                  <a:lnTo>
                    <a:pt x="33956" y="6960"/>
                  </a:lnTo>
                  <a:lnTo>
                    <a:pt x="33956" y="6960"/>
                  </a:lnTo>
                  <a:cubicBezTo>
                    <a:pt x="33960" y="6961"/>
                    <a:pt x="33963" y="6961"/>
                    <a:pt x="33966" y="6961"/>
                  </a:cubicBezTo>
                  <a:cubicBezTo>
                    <a:pt x="33997" y="6961"/>
                    <a:pt x="34023" y="6940"/>
                    <a:pt x="34029" y="6911"/>
                  </a:cubicBezTo>
                  <a:cubicBezTo>
                    <a:pt x="34035" y="6877"/>
                    <a:pt x="34012" y="6843"/>
                    <a:pt x="33978" y="6836"/>
                  </a:cubicBezTo>
                  <a:lnTo>
                    <a:pt x="33957" y="6833"/>
                  </a:lnTo>
                  <a:lnTo>
                    <a:pt x="33957" y="6833"/>
                  </a:lnTo>
                  <a:cubicBezTo>
                    <a:pt x="33960" y="6834"/>
                    <a:pt x="33963" y="6834"/>
                    <a:pt x="33966" y="6834"/>
                  </a:cubicBezTo>
                  <a:cubicBezTo>
                    <a:pt x="33997" y="6834"/>
                    <a:pt x="34023" y="6813"/>
                    <a:pt x="34029" y="6782"/>
                  </a:cubicBezTo>
                  <a:cubicBezTo>
                    <a:pt x="34031" y="6770"/>
                    <a:pt x="34026" y="6760"/>
                    <a:pt x="34021" y="6749"/>
                  </a:cubicBezTo>
                  <a:cubicBezTo>
                    <a:pt x="34030" y="6739"/>
                    <a:pt x="34038" y="6729"/>
                    <a:pt x="34038" y="6714"/>
                  </a:cubicBezTo>
                  <a:cubicBezTo>
                    <a:pt x="34032" y="6682"/>
                    <a:pt x="34032" y="6682"/>
                    <a:pt x="33980" y="6641"/>
                  </a:cubicBezTo>
                  <a:lnTo>
                    <a:pt x="33963" y="6629"/>
                  </a:lnTo>
                  <a:cubicBezTo>
                    <a:pt x="33905" y="6596"/>
                    <a:pt x="33838" y="6584"/>
                    <a:pt x="33771" y="6580"/>
                  </a:cubicBezTo>
                  <a:cubicBezTo>
                    <a:pt x="33765" y="6580"/>
                    <a:pt x="33759" y="6580"/>
                    <a:pt x="33753" y="6579"/>
                  </a:cubicBezTo>
                  <a:cubicBezTo>
                    <a:pt x="33734" y="6578"/>
                    <a:pt x="33716" y="6577"/>
                    <a:pt x="33699" y="6577"/>
                  </a:cubicBezTo>
                  <a:cubicBezTo>
                    <a:pt x="33647" y="6577"/>
                    <a:pt x="33600" y="6583"/>
                    <a:pt x="33551" y="6608"/>
                  </a:cubicBezTo>
                  <a:lnTo>
                    <a:pt x="33536" y="6615"/>
                  </a:lnTo>
                  <a:cubicBezTo>
                    <a:pt x="33524" y="6622"/>
                    <a:pt x="33514" y="6629"/>
                    <a:pt x="33505" y="6638"/>
                  </a:cubicBezTo>
                  <a:cubicBezTo>
                    <a:pt x="33503" y="6639"/>
                    <a:pt x="33500" y="6641"/>
                    <a:pt x="33499" y="6642"/>
                  </a:cubicBezTo>
                  <a:cubicBezTo>
                    <a:pt x="33495" y="6646"/>
                    <a:pt x="33493" y="6651"/>
                    <a:pt x="33490" y="6656"/>
                  </a:cubicBezTo>
                  <a:cubicBezTo>
                    <a:pt x="33484" y="6664"/>
                    <a:pt x="33477" y="6670"/>
                    <a:pt x="33475" y="6679"/>
                  </a:cubicBezTo>
                  <a:cubicBezTo>
                    <a:pt x="33475" y="6682"/>
                    <a:pt x="33477" y="6683"/>
                    <a:pt x="33477" y="6686"/>
                  </a:cubicBezTo>
                  <a:cubicBezTo>
                    <a:pt x="33476" y="6686"/>
                    <a:pt x="33476" y="6687"/>
                    <a:pt x="33476" y="6687"/>
                  </a:cubicBezTo>
                  <a:cubicBezTo>
                    <a:pt x="33476" y="6690"/>
                    <a:pt x="33478" y="6693"/>
                    <a:pt x="33478" y="6696"/>
                  </a:cubicBezTo>
                  <a:cubicBezTo>
                    <a:pt x="33480" y="6709"/>
                    <a:pt x="33482" y="6720"/>
                    <a:pt x="33491" y="6731"/>
                  </a:cubicBezTo>
                  <a:cubicBezTo>
                    <a:pt x="33494" y="6734"/>
                    <a:pt x="33498" y="6735"/>
                    <a:pt x="33503" y="6738"/>
                  </a:cubicBezTo>
                  <a:cubicBezTo>
                    <a:pt x="33510" y="6743"/>
                    <a:pt x="33516" y="6751"/>
                    <a:pt x="33525" y="6752"/>
                  </a:cubicBezTo>
                  <a:lnTo>
                    <a:pt x="33547" y="6757"/>
                  </a:lnTo>
                  <a:cubicBezTo>
                    <a:pt x="33544" y="6756"/>
                    <a:pt x="33540" y="6756"/>
                    <a:pt x="33537" y="6756"/>
                  </a:cubicBezTo>
                  <a:cubicBezTo>
                    <a:pt x="33507" y="6756"/>
                    <a:pt x="33480" y="6777"/>
                    <a:pt x="33475" y="6807"/>
                  </a:cubicBezTo>
                  <a:cubicBezTo>
                    <a:pt x="33468" y="6841"/>
                    <a:pt x="33491" y="6874"/>
                    <a:pt x="33525" y="6881"/>
                  </a:cubicBezTo>
                  <a:lnTo>
                    <a:pt x="33547" y="6885"/>
                  </a:lnTo>
                  <a:cubicBezTo>
                    <a:pt x="33544" y="6884"/>
                    <a:pt x="33540" y="6884"/>
                    <a:pt x="33537" y="6884"/>
                  </a:cubicBezTo>
                  <a:cubicBezTo>
                    <a:pt x="33507" y="6884"/>
                    <a:pt x="33480" y="6905"/>
                    <a:pt x="33475" y="6934"/>
                  </a:cubicBezTo>
                  <a:cubicBezTo>
                    <a:pt x="33468" y="6969"/>
                    <a:pt x="33491" y="7002"/>
                    <a:pt x="33525" y="7009"/>
                  </a:cubicBezTo>
                  <a:lnTo>
                    <a:pt x="33547" y="7012"/>
                  </a:lnTo>
                  <a:cubicBezTo>
                    <a:pt x="33546" y="7012"/>
                    <a:pt x="33545" y="7012"/>
                    <a:pt x="33544" y="7012"/>
                  </a:cubicBezTo>
                  <a:cubicBezTo>
                    <a:pt x="33535" y="7012"/>
                    <a:pt x="33526" y="7015"/>
                    <a:pt x="33518" y="7018"/>
                  </a:cubicBezTo>
                  <a:lnTo>
                    <a:pt x="33363" y="7018"/>
                  </a:lnTo>
                  <a:cubicBezTo>
                    <a:pt x="33359" y="6992"/>
                    <a:pt x="33343" y="6970"/>
                    <a:pt x="33316" y="6964"/>
                  </a:cubicBezTo>
                  <a:lnTo>
                    <a:pt x="33295" y="6960"/>
                  </a:lnTo>
                  <a:lnTo>
                    <a:pt x="33295" y="6960"/>
                  </a:lnTo>
                  <a:cubicBezTo>
                    <a:pt x="33298" y="6961"/>
                    <a:pt x="33301" y="6961"/>
                    <a:pt x="33305" y="6961"/>
                  </a:cubicBezTo>
                  <a:cubicBezTo>
                    <a:pt x="33334" y="6961"/>
                    <a:pt x="33362" y="6940"/>
                    <a:pt x="33367" y="6911"/>
                  </a:cubicBezTo>
                  <a:cubicBezTo>
                    <a:pt x="33373" y="6877"/>
                    <a:pt x="33351" y="6843"/>
                    <a:pt x="33316" y="6836"/>
                  </a:cubicBezTo>
                  <a:lnTo>
                    <a:pt x="33296" y="6833"/>
                  </a:lnTo>
                  <a:lnTo>
                    <a:pt x="33296" y="6833"/>
                  </a:lnTo>
                  <a:cubicBezTo>
                    <a:pt x="33299" y="6834"/>
                    <a:pt x="33302" y="6834"/>
                    <a:pt x="33305" y="6834"/>
                  </a:cubicBezTo>
                  <a:cubicBezTo>
                    <a:pt x="33335" y="6834"/>
                    <a:pt x="33362" y="6813"/>
                    <a:pt x="33367" y="6782"/>
                  </a:cubicBezTo>
                  <a:cubicBezTo>
                    <a:pt x="33369" y="6770"/>
                    <a:pt x="33364" y="6760"/>
                    <a:pt x="33360" y="6749"/>
                  </a:cubicBezTo>
                  <a:cubicBezTo>
                    <a:pt x="33368" y="6739"/>
                    <a:pt x="33375" y="6729"/>
                    <a:pt x="33376" y="6714"/>
                  </a:cubicBezTo>
                  <a:cubicBezTo>
                    <a:pt x="33370" y="6682"/>
                    <a:pt x="33370" y="6682"/>
                    <a:pt x="33318" y="6641"/>
                  </a:cubicBezTo>
                  <a:lnTo>
                    <a:pt x="33300" y="6629"/>
                  </a:lnTo>
                  <a:cubicBezTo>
                    <a:pt x="33242" y="6596"/>
                    <a:pt x="33176" y="6584"/>
                    <a:pt x="33110" y="6580"/>
                  </a:cubicBezTo>
                  <a:cubicBezTo>
                    <a:pt x="33104" y="6580"/>
                    <a:pt x="33096" y="6580"/>
                    <a:pt x="33090" y="6579"/>
                  </a:cubicBezTo>
                  <a:cubicBezTo>
                    <a:pt x="33072" y="6578"/>
                    <a:pt x="33054" y="6577"/>
                    <a:pt x="33036" y="6577"/>
                  </a:cubicBezTo>
                  <a:cubicBezTo>
                    <a:pt x="32985" y="6577"/>
                    <a:pt x="32937" y="6583"/>
                    <a:pt x="32889" y="6608"/>
                  </a:cubicBezTo>
                  <a:lnTo>
                    <a:pt x="32873" y="6615"/>
                  </a:lnTo>
                  <a:cubicBezTo>
                    <a:pt x="32862" y="6622"/>
                    <a:pt x="32851" y="6629"/>
                    <a:pt x="32842" y="6638"/>
                  </a:cubicBezTo>
                  <a:cubicBezTo>
                    <a:pt x="32840" y="6639"/>
                    <a:pt x="32839" y="6641"/>
                    <a:pt x="32837" y="6642"/>
                  </a:cubicBezTo>
                  <a:cubicBezTo>
                    <a:pt x="32833" y="6646"/>
                    <a:pt x="32831" y="6651"/>
                    <a:pt x="32828" y="6656"/>
                  </a:cubicBezTo>
                  <a:cubicBezTo>
                    <a:pt x="32822" y="6664"/>
                    <a:pt x="32814" y="6670"/>
                    <a:pt x="32813" y="6679"/>
                  </a:cubicBezTo>
                  <a:cubicBezTo>
                    <a:pt x="32812" y="6682"/>
                    <a:pt x="32814" y="6683"/>
                    <a:pt x="32814" y="6686"/>
                  </a:cubicBezTo>
                  <a:cubicBezTo>
                    <a:pt x="32814" y="6686"/>
                    <a:pt x="32813" y="6687"/>
                    <a:pt x="32813" y="6687"/>
                  </a:cubicBezTo>
                  <a:cubicBezTo>
                    <a:pt x="32813" y="6690"/>
                    <a:pt x="32816" y="6693"/>
                    <a:pt x="32816" y="6696"/>
                  </a:cubicBezTo>
                  <a:cubicBezTo>
                    <a:pt x="32817" y="6709"/>
                    <a:pt x="32820" y="6720"/>
                    <a:pt x="32829" y="6731"/>
                  </a:cubicBezTo>
                  <a:cubicBezTo>
                    <a:pt x="32832" y="6735"/>
                    <a:pt x="32837" y="6735"/>
                    <a:pt x="32841" y="6738"/>
                  </a:cubicBezTo>
                  <a:cubicBezTo>
                    <a:pt x="32848" y="6744"/>
                    <a:pt x="32854" y="6751"/>
                    <a:pt x="32864" y="6754"/>
                  </a:cubicBezTo>
                  <a:lnTo>
                    <a:pt x="32884" y="6756"/>
                  </a:lnTo>
                  <a:lnTo>
                    <a:pt x="32884" y="6756"/>
                  </a:lnTo>
                  <a:cubicBezTo>
                    <a:pt x="32881" y="6756"/>
                    <a:pt x="32878" y="6756"/>
                    <a:pt x="32875" y="6756"/>
                  </a:cubicBezTo>
                  <a:cubicBezTo>
                    <a:pt x="32845" y="6756"/>
                    <a:pt x="32819" y="6777"/>
                    <a:pt x="32813" y="6807"/>
                  </a:cubicBezTo>
                  <a:cubicBezTo>
                    <a:pt x="32807" y="6841"/>
                    <a:pt x="32829" y="6874"/>
                    <a:pt x="32864" y="6881"/>
                  </a:cubicBezTo>
                  <a:lnTo>
                    <a:pt x="32885" y="6885"/>
                  </a:lnTo>
                  <a:cubicBezTo>
                    <a:pt x="32882" y="6884"/>
                    <a:pt x="32879" y="6884"/>
                    <a:pt x="32875" y="6884"/>
                  </a:cubicBezTo>
                  <a:cubicBezTo>
                    <a:pt x="32845" y="6884"/>
                    <a:pt x="32819" y="6905"/>
                    <a:pt x="32813" y="6935"/>
                  </a:cubicBezTo>
                  <a:cubicBezTo>
                    <a:pt x="32807" y="6970"/>
                    <a:pt x="32829" y="7002"/>
                    <a:pt x="32864" y="7009"/>
                  </a:cubicBezTo>
                  <a:lnTo>
                    <a:pt x="32885" y="7013"/>
                  </a:lnTo>
                  <a:lnTo>
                    <a:pt x="32885" y="7013"/>
                  </a:lnTo>
                  <a:cubicBezTo>
                    <a:pt x="32883" y="7013"/>
                    <a:pt x="32881" y="7012"/>
                    <a:pt x="32880" y="7012"/>
                  </a:cubicBezTo>
                  <a:cubicBezTo>
                    <a:pt x="32872" y="7012"/>
                    <a:pt x="32864" y="7016"/>
                    <a:pt x="32856" y="7018"/>
                  </a:cubicBezTo>
                  <a:lnTo>
                    <a:pt x="32700" y="7018"/>
                  </a:lnTo>
                  <a:cubicBezTo>
                    <a:pt x="32697" y="6992"/>
                    <a:pt x="32682" y="6970"/>
                    <a:pt x="32655" y="6964"/>
                  </a:cubicBezTo>
                  <a:lnTo>
                    <a:pt x="32633" y="6960"/>
                  </a:lnTo>
                  <a:lnTo>
                    <a:pt x="32633" y="6960"/>
                  </a:lnTo>
                  <a:cubicBezTo>
                    <a:pt x="32637" y="6961"/>
                    <a:pt x="32641" y="6961"/>
                    <a:pt x="32644" y="6961"/>
                  </a:cubicBezTo>
                  <a:cubicBezTo>
                    <a:pt x="32673" y="6961"/>
                    <a:pt x="32699" y="6940"/>
                    <a:pt x="32705" y="6911"/>
                  </a:cubicBezTo>
                  <a:cubicBezTo>
                    <a:pt x="32711" y="6877"/>
                    <a:pt x="32689" y="6843"/>
                    <a:pt x="32654" y="6837"/>
                  </a:cubicBezTo>
                  <a:lnTo>
                    <a:pt x="32633" y="6833"/>
                  </a:lnTo>
                  <a:lnTo>
                    <a:pt x="32633" y="6833"/>
                  </a:lnTo>
                  <a:cubicBezTo>
                    <a:pt x="32636" y="6834"/>
                    <a:pt x="32640" y="6834"/>
                    <a:pt x="32643" y="6834"/>
                  </a:cubicBezTo>
                  <a:cubicBezTo>
                    <a:pt x="32672" y="6834"/>
                    <a:pt x="32699" y="6813"/>
                    <a:pt x="32705" y="6782"/>
                  </a:cubicBezTo>
                  <a:cubicBezTo>
                    <a:pt x="32707" y="6771"/>
                    <a:pt x="32701" y="6761"/>
                    <a:pt x="32697" y="6749"/>
                  </a:cubicBezTo>
                  <a:cubicBezTo>
                    <a:pt x="32706" y="6740"/>
                    <a:pt x="32714" y="6729"/>
                    <a:pt x="32714" y="6714"/>
                  </a:cubicBezTo>
                  <a:cubicBezTo>
                    <a:pt x="32709" y="6682"/>
                    <a:pt x="32709" y="6682"/>
                    <a:pt x="32656" y="6641"/>
                  </a:cubicBezTo>
                  <a:lnTo>
                    <a:pt x="32638" y="6629"/>
                  </a:lnTo>
                  <a:cubicBezTo>
                    <a:pt x="32580" y="6596"/>
                    <a:pt x="32514" y="6584"/>
                    <a:pt x="32447" y="6580"/>
                  </a:cubicBezTo>
                  <a:lnTo>
                    <a:pt x="32429" y="6580"/>
                  </a:lnTo>
                  <a:cubicBezTo>
                    <a:pt x="32408" y="6579"/>
                    <a:pt x="32389" y="6578"/>
                    <a:pt x="32370" y="6578"/>
                  </a:cubicBezTo>
                  <a:cubicBezTo>
                    <a:pt x="32320" y="6578"/>
                    <a:pt x="32274" y="6584"/>
                    <a:pt x="32227" y="6609"/>
                  </a:cubicBezTo>
                  <a:lnTo>
                    <a:pt x="32211" y="6615"/>
                  </a:lnTo>
                  <a:cubicBezTo>
                    <a:pt x="32200" y="6622"/>
                    <a:pt x="32190" y="6629"/>
                    <a:pt x="32180" y="6638"/>
                  </a:cubicBezTo>
                  <a:cubicBezTo>
                    <a:pt x="32178" y="6640"/>
                    <a:pt x="32176" y="6641"/>
                    <a:pt x="32175" y="6642"/>
                  </a:cubicBezTo>
                  <a:cubicBezTo>
                    <a:pt x="32170" y="6646"/>
                    <a:pt x="32169" y="6652"/>
                    <a:pt x="32166" y="6656"/>
                  </a:cubicBezTo>
                  <a:cubicBezTo>
                    <a:pt x="32160" y="6664"/>
                    <a:pt x="32153" y="6670"/>
                    <a:pt x="32150" y="6679"/>
                  </a:cubicBezTo>
                  <a:cubicBezTo>
                    <a:pt x="32150" y="6682"/>
                    <a:pt x="32153" y="6683"/>
                    <a:pt x="32153" y="6686"/>
                  </a:cubicBezTo>
                  <a:cubicBezTo>
                    <a:pt x="32153" y="6686"/>
                    <a:pt x="32152" y="6687"/>
                    <a:pt x="32152" y="6687"/>
                  </a:cubicBezTo>
                  <a:cubicBezTo>
                    <a:pt x="32152" y="6690"/>
                    <a:pt x="32154" y="6693"/>
                    <a:pt x="32154" y="6696"/>
                  </a:cubicBezTo>
                  <a:cubicBezTo>
                    <a:pt x="32156" y="6709"/>
                    <a:pt x="32158" y="6720"/>
                    <a:pt x="32167" y="6731"/>
                  </a:cubicBezTo>
                  <a:cubicBezTo>
                    <a:pt x="32170" y="6735"/>
                    <a:pt x="32174" y="6736"/>
                    <a:pt x="32178" y="6738"/>
                  </a:cubicBezTo>
                  <a:cubicBezTo>
                    <a:pt x="32186" y="6744"/>
                    <a:pt x="32192" y="6751"/>
                    <a:pt x="32201" y="6754"/>
                  </a:cubicBezTo>
                  <a:lnTo>
                    <a:pt x="32222" y="6756"/>
                  </a:lnTo>
                  <a:lnTo>
                    <a:pt x="32222" y="6756"/>
                  </a:lnTo>
                  <a:cubicBezTo>
                    <a:pt x="32219" y="6756"/>
                    <a:pt x="32216" y="6756"/>
                    <a:pt x="32213" y="6756"/>
                  </a:cubicBezTo>
                  <a:cubicBezTo>
                    <a:pt x="32183" y="6756"/>
                    <a:pt x="32156" y="6777"/>
                    <a:pt x="32150" y="6807"/>
                  </a:cubicBezTo>
                  <a:cubicBezTo>
                    <a:pt x="32144" y="6841"/>
                    <a:pt x="32167" y="6874"/>
                    <a:pt x="32201" y="6881"/>
                  </a:cubicBezTo>
                  <a:lnTo>
                    <a:pt x="32223" y="6885"/>
                  </a:lnTo>
                  <a:cubicBezTo>
                    <a:pt x="32219" y="6884"/>
                    <a:pt x="32216" y="6884"/>
                    <a:pt x="32213" y="6884"/>
                  </a:cubicBezTo>
                  <a:cubicBezTo>
                    <a:pt x="32183" y="6884"/>
                    <a:pt x="32156" y="6905"/>
                    <a:pt x="32150" y="6935"/>
                  </a:cubicBezTo>
                  <a:cubicBezTo>
                    <a:pt x="32144" y="6970"/>
                    <a:pt x="32167" y="7002"/>
                    <a:pt x="32201" y="7009"/>
                  </a:cubicBezTo>
                  <a:lnTo>
                    <a:pt x="32222" y="7013"/>
                  </a:lnTo>
                  <a:lnTo>
                    <a:pt x="32222" y="7013"/>
                  </a:lnTo>
                  <a:cubicBezTo>
                    <a:pt x="32221" y="7013"/>
                    <a:pt x="32219" y="7012"/>
                    <a:pt x="32217" y="7012"/>
                  </a:cubicBezTo>
                  <a:cubicBezTo>
                    <a:pt x="32209" y="7012"/>
                    <a:pt x="32202" y="7016"/>
                    <a:pt x="32195" y="7018"/>
                  </a:cubicBezTo>
                  <a:lnTo>
                    <a:pt x="32039" y="7018"/>
                  </a:lnTo>
                  <a:cubicBezTo>
                    <a:pt x="32035" y="6992"/>
                    <a:pt x="32019" y="6970"/>
                    <a:pt x="31992" y="6964"/>
                  </a:cubicBezTo>
                  <a:lnTo>
                    <a:pt x="31971" y="6960"/>
                  </a:lnTo>
                  <a:lnTo>
                    <a:pt x="31971" y="6960"/>
                  </a:lnTo>
                  <a:cubicBezTo>
                    <a:pt x="31974" y="6961"/>
                    <a:pt x="31978" y="6961"/>
                    <a:pt x="31982" y="6961"/>
                  </a:cubicBezTo>
                  <a:cubicBezTo>
                    <a:pt x="32012" y="6961"/>
                    <a:pt x="32037" y="6940"/>
                    <a:pt x="32043" y="6911"/>
                  </a:cubicBezTo>
                  <a:cubicBezTo>
                    <a:pt x="32049" y="6877"/>
                    <a:pt x="32026" y="6843"/>
                    <a:pt x="31992" y="6837"/>
                  </a:cubicBezTo>
                  <a:lnTo>
                    <a:pt x="31971" y="6833"/>
                  </a:lnTo>
                  <a:lnTo>
                    <a:pt x="31971" y="6833"/>
                  </a:lnTo>
                  <a:cubicBezTo>
                    <a:pt x="31974" y="6834"/>
                    <a:pt x="31977" y="6834"/>
                    <a:pt x="31981" y="6834"/>
                  </a:cubicBezTo>
                  <a:cubicBezTo>
                    <a:pt x="32011" y="6834"/>
                    <a:pt x="32037" y="6813"/>
                    <a:pt x="32043" y="6782"/>
                  </a:cubicBezTo>
                  <a:cubicBezTo>
                    <a:pt x="32045" y="6771"/>
                    <a:pt x="32040" y="6761"/>
                    <a:pt x="32036" y="6749"/>
                  </a:cubicBezTo>
                  <a:cubicBezTo>
                    <a:pt x="32044" y="6740"/>
                    <a:pt x="32051" y="6729"/>
                    <a:pt x="32052" y="6714"/>
                  </a:cubicBezTo>
                  <a:cubicBezTo>
                    <a:pt x="32046" y="6682"/>
                    <a:pt x="32046" y="6682"/>
                    <a:pt x="31993" y="6641"/>
                  </a:cubicBezTo>
                  <a:lnTo>
                    <a:pt x="31976" y="6629"/>
                  </a:lnTo>
                  <a:cubicBezTo>
                    <a:pt x="31919" y="6596"/>
                    <a:pt x="31852" y="6584"/>
                    <a:pt x="31786" y="6580"/>
                  </a:cubicBezTo>
                  <a:lnTo>
                    <a:pt x="31766" y="6580"/>
                  </a:lnTo>
                  <a:cubicBezTo>
                    <a:pt x="31746" y="6579"/>
                    <a:pt x="31727" y="6578"/>
                    <a:pt x="31708" y="6578"/>
                  </a:cubicBezTo>
                  <a:cubicBezTo>
                    <a:pt x="31659" y="6578"/>
                    <a:pt x="31612" y="6584"/>
                    <a:pt x="31564" y="6609"/>
                  </a:cubicBezTo>
                  <a:lnTo>
                    <a:pt x="31549" y="6615"/>
                  </a:lnTo>
                  <a:cubicBezTo>
                    <a:pt x="31538" y="6622"/>
                    <a:pt x="31527" y="6629"/>
                    <a:pt x="31518" y="6638"/>
                  </a:cubicBezTo>
                  <a:cubicBezTo>
                    <a:pt x="31516" y="6640"/>
                    <a:pt x="31515" y="6641"/>
                    <a:pt x="31513" y="6642"/>
                  </a:cubicBezTo>
                  <a:cubicBezTo>
                    <a:pt x="31509" y="6646"/>
                    <a:pt x="31508" y="6652"/>
                    <a:pt x="31503" y="6656"/>
                  </a:cubicBezTo>
                  <a:cubicBezTo>
                    <a:pt x="31498" y="6664"/>
                    <a:pt x="31491" y="6670"/>
                    <a:pt x="31489" y="6679"/>
                  </a:cubicBezTo>
                  <a:cubicBezTo>
                    <a:pt x="31488" y="6682"/>
                    <a:pt x="31490" y="6683"/>
                    <a:pt x="31490" y="6686"/>
                  </a:cubicBezTo>
                  <a:cubicBezTo>
                    <a:pt x="31490" y="6686"/>
                    <a:pt x="31490" y="6687"/>
                    <a:pt x="31490" y="6687"/>
                  </a:cubicBezTo>
                  <a:cubicBezTo>
                    <a:pt x="31489" y="6690"/>
                    <a:pt x="31492" y="6693"/>
                    <a:pt x="31492" y="6696"/>
                  </a:cubicBezTo>
                  <a:cubicBezTo>
                    <a:pt x="31493" y="6709"/>
                    <a:pt x="31496" y="6720"/>
                    <a:pt x="31505" y="6731"/>
                  </a:cubicBezTo>
                  <a:cubicBezTo>
                    <a:pt x="31509" y="6735"/>
                    <a:pt x="31513" y="6736"/>
                    <a:pt x="31517" y="6739"/>
                  </a:cubicBezTo>
                  <a:cubicBezTo>
                    <a:pt x="31524" y="6744"/>
                    <a:pt x="31530" y="6751"/>
                    <a:pt x="31540" y="6754"/>
                  </a:cubicBezTo>
                  <a:lnTo>
                    <a:pt x="31561" y="6758"/>
                  </a:lnTo>
                  <a:cubicBezTo>
                    <a:pt x="31557" y="6757"/>
                    <a:pt x="31553" y="6757"/>
                    <a:pt x="31550" y="6757"/>
                  </a:cubicBezTo>
                  <a:cubicBezTo>
                    <a:pt x="31520" y="6757"/>
                    <a:pt x="31494" y="6777"/>
                    <a:pt x="31489" y="6807"/>
                  </a:cubicBezTo>
                  <a:cubicBezTo>
                    <a:pt x="31483" y="6841"/>
                    <a:pt x="31505" y="6874"/>
                    <a:pt x="31540" y="6881"/>
                  </a:cubicBezTo>
                  <a:lnTo>
                    <a:pt x="31561" y="6885"/>
                  </a:lnTo>
                  <a:cubicBezTo>
                    <a:pt x="31558" y="6884"/>
                    <a:pt x="31555" y="6884"/>
                    <a:pt x="31551" y="6884"/>
                  </a:cubicBezTo>
                  <a:cubicBezTo>
                    <a:pt x="31521" y="6884"/>
                    <a:pt x="31495" y="6905"/>
                    <a:pt x="31489" y="6935"/>
                  </a:cubicBezTo>
                  <a:cubicBezTo>
                    <a:pt x="31483" y="6970"/>
                    <a:pt x="31505" y="7003"/>
                    <a:pt x="31540" y="7009"/>
                  </a:cubicBezTo>
                  <a:lnTo>
                    <a:pt x="31561" y="7013"/>
                  </a:lnTo>
                  <a:lnTo>
                    <a:pt x="31561" y="7013"/>
                  </a:lnTo>
                  <a:cubicBezTo>
                    <a:pt x="31559" y="7013"/>
                    <a:pt x="31558" y="7012"/>
                    <a:pt x="31556" y="7012"/>
                  </a:cubicBezTo>
                  <a:cubicBezTo>
                    <a:pt x="31548" y="7012"/>
                    <a:pt x="31540" y="7016"/>
                    <a:pt x="31532" y="7018"/>
                  </a:cubicBezTo>
                  <a:lnTo>
                    <a:pt x="31377" y="7018"/>
                  </a:lnTo>
                  <a:cubicBezTo>
                    <a:pt x="31373" y="6992"/>
                    <a:pt x="31358" y="6970"/>
                    <a:pt x="31331" y="6964"/>
                  </a:cubicBezTo>
                  <a:lnTo>
                    <a:pt x="31309" y="6960"/>
                  </a:lnTo>
                  <a:lnTo>
                    <a:pt x="31309" y="6960"/>
                  </a:lnTo>
                  <a:cubicBezTo>
                    <a:pt x="31313" y="6961"/>
                    <a:pt x="31317" y="6961"/>
                    <a:pt x="31320" y="6961"/>
                  </a:cubicBezTo>
                  <a:cubicBezTo>
                    <a:pt x="31349" y="6961"/>
                    <a:pt x="31375" y="6941"/>
                    <a:pt x="31381" y="6911"/>
                  </a:cubicBezTo>
                  <a:cubicBezTo>
                    <a:pt x="31388" y="6877"/>
                    <a:pt x="31365" y="6843"/>
                    <a:pt x="31331" y="6837"/>
                  </a:cubicBezTo>
                  <a:lnTo>
                    <a:pt x="31309" y="6833"/>
                  </a:lnTo>
                  <a:lnTo>
                    <a:pt x="31309" y="6833"/>
                  </a:lnTo>
                  <a:cubicBezTo>
                    <a:pt x="31312" y="6834"/>
                    <a:pt x="31316" y="6834"/>
                    <a:pt x="31319" y="6834"/>
                  </a:cubicBezTo>
                  <a:cubicBezTo>
                    <a:pt x="31348" y="6834"/>
                    <a:pt x="31376" y="6813"/>
                    <a:pt x="31381" y="6782"/>
                  </a:cubicBezTo>
                  <a:cubicBezTo>
                    <a:pt x="31383" y="6771"/>
                    <a:pt x="31378" y="6761"/>
                    <a:pt x="31374" y="6749"/>
                  </a:cubicBezTo>
                  <a:cubicBezTo>
                    <a:pt x="31382" y="6740"/>
                    <a:pt x="31390" y="6729"/>
                    <a:pt x="31391" y="6714"/>
                  </a:cubicBezTo>
                  <a:cubicBezTo>
                    <a:pt x="31385" y="6682"/>
                    <a:pt x="31385" y="6682"/>
                    <a:pt x="31332" y="6641"/>
                  </a:cubicBezTo>
                  <a:lnTo>
                    <a:pt x="31314" y="6629"/>
                  </a:lnTo>
                  <a:cubicBezTo>
                    <a:pt x="31256" y="6596"/>
                    <a:pt x="31190" y="6584"/>
                    <a:pt x="31124" y="6581"/>
                  </a:cubicBezTo>
                  <a:cubicBezTo>
                    <a:pt x="31118" y="6580"/>
                    <a:pt x="31111" y="6580"/>
                    <a:pt x="31104" y="6580"/>
                  </a:cubicBezTo>
                  <a:cubicBezTo>
                    <a:pt x="31085" y="6579"/>
                    <a:pt x="31066" y="6578"/>
                    <a:pt x="31047" y="6578"/>
                  </a:cubicBezTo>
                  <a:cubicBezTo>
                    <a:pt x="30997" y="6578"/>
                    <a:pt x="30950" y="6584"/>
                    <a:pt x="30903" y="6609"/>
                  </a:cubicBezTo>
                  <a:lnTo>
                    <a:pt x="30887" y="6615"/>
                  </a:lnTo>
                  <a:cubicBezTo>
                    <a:pt x="30876" y="6622"/>
                    <a:pt x="30866" y="6631"/>
                    <a:pt x="30856" y="6638"/>
                  </a:cubicBezTo>
                  <a:cubicBezTo>
                    <a:pt x="30854" y="6640"/>
                    <a:pt x="30853" y="6641"/>
                    <a:pt x="30851" y="6642"/>
                  </a:cubicBezTo>
                  <a:cubicBezTo>
                    <a:pt x="30847" y="6646"/>
                    <a:pt x="30845" y="6652"/>
                    <a:pt x="30842" y="6656"/>
                  </a:cubicBezTo>
                  <a:cubicBezTo>
                    <a:pt x="30837" y="6664"/>
                    <a:pt x="30828" y="6670"/>
                    <a:pt x="30827" y="6679"/>
                  </a:cubicBezTo>
                  <a:cubicBezTo>
                    <a:pt x="30826" y="6682"/>
                    <a:pt x="30828" y="6683"/>
                    <a:pt x="30828" y="6686"/>
                  </a:cubicBezTo>
                  <a:cubicBezTo>
                    <a:pt x="30828" y="6687"/>
                    <a:pt x="30827" y="6687"/>
                    <a:pt x="30827" y="6688"/>
                  </a:cubicBezTo>
                  <a:cubicBezTo>
                    <a:pt x="30827" y="6690"/>
                    <a:pt x="30830" y="6693"/>
                    <a:pt x="30830" y="6696"/>
                  </a:cubicBezTo>
                  <a:cubicBezTo>
                    <a:pt x="30832" y="6709"/>
                    <a:pt x="30835" y="6721"/>
                    <a:pt x="30843" y="6731"/>
                  </a:cubicBezTo>
                  <a:cubicBezTo>
                    <a:pt x="30846" y="6735"/>
                    <a:pt x="30851" y="6736"/>
                    <a:pt x="30855" y="6739"/>
                  </a:cubicBezTo>
                  <a:cubicBezTo>
                    <a:pt x="30863" y="6744"/>
                    <a:pt x="30868" y="6751"/>
                    <a:pt x="30877" y="6754"/>
                  </a:cubicBezTo>
                  <a:lnTo>
                    <a:pt x="30899" y="6758"/>
                  </a:lnTo>
                  <a:cubicBezTo>
                    <a:pt x="30895" y="6757"/>
                    <a:pt x="30892" y="6757"/>
                    <a:pt x="30889" y="6757"/>
                  </a:cubicBezTo>
                  <a:cubicBezTo>
                    <a:pt x="30860" y="6757"/>
                    <a:pt x="30833" y="6777"/>
                    <a:pt x="30826" y="6807"/>
                  </a:cubicBezTo>
                  <a:cubicBezTo>
                    <a:pt x="30820" y="6841"/>
                    <a:pt x="30843" y="6874"/>
                    <a:pt x="30877" y="6881"/>
                  </a:cubicBezTo>
                  <a:lnTo>
                    <a:pt x="30899" y="6885"/>
                  </a:lnTo>
                  <a:cubicBezTo>
                    <a:pt x="30895" y="6884"/>
                    <a:pt x="30892" y="6884"/>
                    <a:pt x="30889" y="6884"/>
                  </a:cubicBezTo>
                  <a:cubicBezTo>
                    <a:pt x="30859" y="6884"/>
                    <a:pt x="30832" y="6905"/>
                    <a:pt x="30826" y="6935"/>
                  </a:cubicBezTo>
                  <a:cubicBezTo>
                    <a:pt x="30820" y="6970"/>
                    <a:pt x="30843" y="7003"/>
                    <a:pt x="30877" y="7009"/>
                  </a:cubicBezTo>
                  <a:lnTo>
                    <a:pt x="30898" y="7013"/>
                  </a:lnTo>
                  <a:lnTo>
                    <a:pt x="30898" y="7013"/>
                  </a:lnTo>
                  <a:cubicBezTo>
                    <a:pt x="30897" y="7013"/>
                    <a:pt x="30895" y="7012"/>
                    <a:pt x="30894" y="7012"/>
                  </a:cubicBezTo>
                  <a:cubicBezTo>
                    <a:pt x="30886" y="7012"/>
                    <a:pt x="30879" y="7017"/>
                    <a:pt x="30871" y="7019"/>
                  </a:cubicBezTo>
                  <a:lnTo>
                    <a:pt x="30738" y="7019"/>
                  </a:lnTo>
                  <a:cubicBezTo>
                    <a:pt x="30744" y="6985"/>
                    <a:pt x="30722" y="6953"/>
                    <a:pt x="30688" y="6947"/>
                  </a:cubicBezTo>
                  <a:lnTo>
                    <a:pt x="30666" y="6943"/>
                  </a:lnTo>
                  <a:lnTo>
                    <a:pt x="30666" y="6943"/>
                  </a:lnTo>
                  <a:cubicBezTo>
                    <a:pt x="30670" y="6943"/>
                    <a:pt x="30674" y="6944"/>
                    <a:pt x="30677" y="6944"/>
                  </a:cubicBezTo>
                  <a:cubicBezTo>
                    <a:pt x="30707" y="6944"/>
                    <a:pt x="30733" y="6922"/>
                    <a:pt x="30738" y="6893"/>
                  </a:cubicBezTo>
                  <a:cubicBezTo>
                    <a:pt x="30745" y="6859"/>
                    <a:pt x="30722" y="6826"/>
                    <a:pt x="30688" y="6820"/>
                  </a:cubicBezTo>
                  <a:lnTo>
                    <a:pt x="30666" y="6816"/>
                  </a:lnTo>
                  <a:lnTo>
                    <a:pt x="30666" y="6816"/>
                  </a:lnTo>
                  <a:cubicBezTo>
                    <a:pt x="30669" y="6816"/>
                    <a:pt x="30673" y="6816"/>
                    <a:pt x="30676" y="6816"/>
                  </a:cubicBezTo>
                  <a:cubicBezTo>
                    <a:pt x="30706" y="6816"/>
                    <a:pt x="30733" y="6796"/>
                    <a:pt x="30738" y="6765"/>
                  </a:cubicBezTo>
                  <a:cubicBezTo>
                    <a:pt x="30741" y="6752"/>
                    <a:pt x="30735" y="6741"/>
                    <a:pt x="30731" y="6731"/>
                  </a:cubicBezTo>
                  <a:cubicBezTo>
                    <a:pt x="30738" y="6720"/>
                    <a:pt x="30746" y="6711"/>
                    <a:pt x="30747" y="6698"/>
                  </a:cubicBezTo>
                  <a:cubicBezTo>
                    <a:pt x="30741" y="6665"/>
                    <a:pt x="30741" y="6665"/>
                    <a:pt x="30688" y="6624"/>
                  </a:cubicBezTo>
                  <a:lnTo>
                    <a:pt x="30670" y="6613"/>
                  </a:lnTo>
                  <a:cubicBezTo>
                    <a:pt x="30612" y="6580"/>
                    <a:pt x="30546" y="6567"/>
                    <a:pt x="30480" y="6563"/>
                  </a:cubicBezTo>
                  <a:cubicBezTo>
                    <a:pt x="30473" y="6563"/>
                    <a:pt x="30467" y="6563"/>
                    <a:pt x="30460" y="6562"/>
                  </a:cubicBezTo>
                  <a:cubicBezTo>
                    <a:pt x="30442" y="6561"/>
                    <a:pt x="30424" y="6561"/>
                    <a:pt x="30406" y="6561"/>
                  </a:cubicBezTo>
                  <a:cubicBezTo>
                    <a:pt x="30355" y="6561"/>
                    <a:pt x="30307" y="6567"/>
                    <a:pt x="30259" y="6591"/>
                  </a:cubicBezTo>
                  <a:lnTo>
                    <a:pt x="30243" y="6598"/>
                  </a:lnTo>
                  <a:cubicBezTo>
                    <a:pt x="30232" y="6605"/>
                    <a:pt x="30223" y="6613"/>
                    <a:pt x="30212" y="6621"/>
                  </a:cubicBezTo>
                  <a:cubicBezTo>
                    <a:pt x="30211" y="6622"/>
                    <a:pt x="30210" y="6622"/>
                    <a:pt x="30209" y="6623"/>
                  </a:cubicBezTo>
                  <a:cubicBezTo>
                    <a:pt x="30202" y="6629"/>
                    <a:pt x="30199" y="6638"/>
                    <a:pt x="30195" y="6645"/>
                  </a:cubicBezTo>
                  <a:cubicBezTo>
                    <a:pt x="30192" y="6651"/>
                    <a:pt x="30185" y="6654"/>
                    <a:pt x="30184" y="6662"/>
                  </a:cubicBezTo>
                  <a:cubicBezTo>
                    <a:pt x="30183" y="6664"/>
                    <a:pt x="30185" y="6665"/>
                    <a:pt x="30185" y="6667"/>
                  </a:cubicBezTo>
                  <a:cubicBezTo>
                    <a:pt x="30184" y="6669"/>
                    <a:pt x="30183" y="6669"/>
                    <a:pt x="30183" y="6671"/>
                  </a:cubicBezTo>
                  <a:cubicBezTo>
                    <a:pt x="30182" y="6678"/>
                    <a:pt x="30188" y="6683"/>
                    <a:pt x="30190" y="6689"/>
                  </a:cubicBezTo>
                  <a:cubicBezTo>
                    <a:pt x="30192" y="6698"/>
                    <a:pt x="30193" y="6705"/>
                    <a:pt x="30198" y="6711"/>
                  </a:cubicBezTo>
                  <a:cubicBezTo>
                    <a:pt x="30203" y="6718"/>
                    <a:pt x="30211" y="6721"/>
                    <a:pt x="30220" y="6726"/>
                  </a:cubicBezTo>
                  <a:cubicBezTo>
                    <a:pt x="30225" y="6729"/>
                    <a:pt x="30228" y="6734"/>
                    <a:pt x="30234" y="6735"/>
                  </a:cubicBezTo>
                  <a:lnTo>
                    <a:pt x="30256" y="6739"/>
                  </a:lnTo>
                  <a:cubicBezTo>
                    <a:pt x="30252" y="6739"/>
                    <a:pt x="30249" y="6738"/>
                    <a:pt x="30246" y="6738"/>
                  </a:cubicBezTo>
                  <a:cubicBezTo>
                    <a:pt x="30216" y="6738"/>
                    <a:pt x="30189" y="6759"/>
                    <a:pt x="30183" y="6790"/>
                  </a:cubicBezTo>
                  <a:cubicBezTo>
                    <a:pt x="30177" y="6824"/>
                    <a:pt x="30200" y="6857"/>
                    <a:pt x="30234" y="6863"/>
                  </a:cubicBezTo>
                  <a:lnTo>
                    <a:pt x="30256" y="6867"/>
                  </a:lnTo>
                  <a:cubicBezTo>
                    <a:pt x="30252" y="6867"/>
                    <a:pt x="30249" y="6866"/>
                    <a:pt x="30246" y="6866"/>
                  </a:cubicBezTo>
                  <a:cubicBezTo>
                    <a:pt x="30217" y="6866"/>
                    <a:pt x="30190" y="6887"/>
                    <a:pt x="30184" y="6918"/>
                  </a:cubicBezTo>
                  <a:cubicBezTo>
                    <a:pt x="30177" y="6952"/>
                    <a:pt x="30200" y="6985"/>
                    <a:pt x="30234" y="6991"/>
                  </a:cubicBezTo>
                  <a:lnTo>
                    <a:pt x="30256" y="6995"/>
                  </a:lnTo>
                  <a:cubicBezTo>
                    <a:pt x="30253" y="6995"/>
                    <a:pt x="30250" y="6995"/>
                    <a:pt x="30247" y="6995"/>
                  </a:cubicBezTo>
                  <a:cubicBezTo>
                    <a:pt x="30229" y="6995"/>
                    <a:pt x="30213" y="7005"/>
                    <a:pt x="30201" y="7019"/>
                  </a:cubicBezTo>
                  <a:lnTo>
                    <a:pt x="29730" y="7019"/>
                  </a:lnTo>
                  <a:lnTo>
                    <a:pt x="29730" y="6463"/>
                  </a:lnTo>
                  <a:lnTo>
                    <a:pt x="29449" y="6463"/>
                  </a:lnTo>
                  <a:lnTo>
                    <a:pt x="29449" y="7184"/>
                  </a:lnTo>
                  <a:lnTo>
                    <a:pt x="29136" y="7184"/>
                  </a:lnTo>
                  <a:lnTo>
                    <a:pt x="29136" y="6102"/>
                  </a:lnTo>
                  <a:close/>
                  <a:moveTo>
                    <a:pt x="28232" y="2874"/>
                  </a:moveTo>
                  <a:lnTo>
                    <a:pt x="27991" y="4024"/>
                  </a:lnTo>
                  <a:lnTo>
                    <a:pt x="27512" y="4024"/>
                  </a:lnTo>
                  <a:cubicBezTo>
                    <a:pt x="26206" y="4024"/>
                    <a:pt x="25145" y="5084"/>
                    <a:pt x="25145" y="6391"/>
                  </a:cubicBezTo>
                  <a:lnTo>
                    <a:pt x="25145" y="6317"/>
                  </a:lnTo>
                  <a:lnTo>
                    <a:pt x="24747" y="6317"/>
                  </a:lnTo>
                  <a:cubicBezTo>
                    <a:pt x="24587" y="6317"/>
                    <a:pt x="24458" y="6447"/>
                    <a:pt x="24458" y="6607"/>
                  </a:cubicBezTo>
                  <a:lnTo>
                    <a:pt x="24458" y="7343"/>
                  </a:lnTo>
                  <a:cubicBezTo>
                    <a:pt x="20921" y="7324"/>
                    <a:pt x="16306" y="5254"/>
                    <a:pt x="14887" y="4575"/>
                  </a:cubicBezTo>
                  <a:cubicBezTo>
                    <a:pt x="14939" y="4488"/>
                    <a:pt x="14971" y="4387"/>
                    <a:pt x="14971" y="4278"/>
                  </a:cubicBezTo>
                  <a:lnTo>
                    <a:pt x="14971" y="2874"/>
                  </a:lnTo>
                  <a:close/>
                  <a:moveTo>
                    <a:pt x="1" y="0"/>
                  </a:moveTo>
                  <a:lnTo>
                    <a:pt x="1" y="2874"/>
                  </a:lnTo>
                  <a:lnTo>
                    <a:pt x="13816" y="2874"/>
                  </a:lnTo>
                  <a:lnTo>
                    <a:pt x="13816" y="4279"/>
                  </a:lnTo>
                  <a:cubicBezTo>
                    <a:pt x="13816" y="4402"/>
                    <a:pt x="13855" y="4516"/>
                    <a:pt x="13922" y="4609"/>
                  </a:cubicBezTo>
                  <a:cubicBezTo>
                    <a:pt x="10938" y="6403"/>
                    <a:pt x="8058" y="7010"/>
                    <a:pt x="5527" y="7010"/>
                  </a:cubicBezTo>
                  <a:cubicBezTo>
                    <a:pt x="3385" y="7010"/>
                    <a:pt x="1493" y="6575"/>
                    <a:pt x="1" y="6059"/>
                  </a:cubicBezTo>
                  <a:lnTo>
                    <a:pt x="1" y="6320"/>
                  </a:lnTo>
                  <a:cubicBezTo>
                    <a:pt x="1504" y="6834"/>
                    <a:pt x="3396" y="7260"/>
                    <a:pt x="5533" y="7260"/>
                  </a:cubicBezTo>
                  <a:cubicBezTo>
                    <a:pt x="8121" y="7260"/>
                    <a:pt x="11067" y="6635"/>
                    <a:pt x="14118" y="4782"/>
                  </a:cubicBezTo>
                  <a:cubicBezTo>
                    <a:pt x="14201" y="4828"/>
                    <a:pt x="14294" y="4856"/>
                    <a:pt x="14394" y="4856"/>
                  </a:cubicBezTo>
                  <a:cubicBezTo>
                    <a:pt x="14508" y="4856"/>
                    <a:pt x="14613" y="4822"/>
                    <a:pt x="14703" y="4765"/>
                  </a:cubicBezTo>
                  <a:cubicBezTo>
                    <a:pt x="16051" y="5422"/>
                    <a:pt x="20775" y="7592"/>
                    <a:pt x="24458" y="7600"/>
                  </a:cubicBezTo>
                  <a:lnTo>
                    <a:pt x="24458" y="8056"/>
                  </a:lnTo>
                  <a:cubicBezTo>
                    <a:pt x="24458" y="8216"/>
                    <a:pt x="24588" y="8345"/>
                    <a:pt x="24747" y="8345"/>
                  </a:cubicBezTo>
                  <a:lnTo>
                    <a:pt x="25146" y="8345"/>
                  </a:lnTo>
                  <a:lnTo>
                    <a:pt x="25146" y="8374"/>
                  </a:lnTo>
                  <a:cubicBezTo>
                    <a:pt x="25146" y="8605"/>
                    <a:pt x="25332" y="8791"/>
                    <a:pt x="25562" y="8791"/>
                  </a:cubicBezTo>
                  <a:lnTo>
                    <a:pt x="28138" y="8791"/>
                  </a:lnTo>
                  <a:cubicBezTo>
                    <a:pt x="28367" y="8791"/>
                    <a:pt x="28554" y="8605"/>
                    <a:pt x="28554" y="8374"/>
                  </a:cubicBezTo>
                  <a:lnTo>
                    <a:pt x="28554" y="7819"/>
                  </a:lnTo>
                  <a:lnTo>
                    <a:pt x="29136" y="7819"/>
                  </a:lnTo>
                  <a:lnTo>
                    <a:pt x="29136" y="7662"/>
                  </a:lnTo>
                  <a:lnTo>
                    <a:pt x="29449" y="7662"/>
                  </a:lnTo>
                  <a:lnTo>
                    <a:pt x="29449" y="8383"/>
                  </a:lnTo>
                  <a:lnTo>
                    <a:pt x="29730" y="8383"/>
                  </a:lnTo>
                  <a:lnTo>
                    <a:pt x="29730" y="7826"/>
                  </a:lnTo>
                  <a:lnTo>
                    <a:pt x="30188" y="7826"/>
                  </a:lnTo>
                  <a:cubicBezTo>
                    <a:pt x="30189" y="7855"/>
                    <a:pt x="30205" y="7880"/>
                    <a:pt x="30234" y="7885"/>
                  </a:cubicBezTo>
                  <a:lnTo>
                    <a:pt x="30256" y="7890"/>
                  </a:lnTo>
                  <a:cubicBezTo>
                    <a:pt x="30252" y="7889"/>
                    <a:pt x="30249" y="7889"/>
                    <a:pt x="30246" y="7889"/>
                  </a:cubicBezTo>
                  <a:cubicBezTo>
                    <a:pt x="30217" y="7889"/>
                    <a:pt x="30190" y="7909"/>
                    <a:pt x="30184" y="7940"/>
                  </a:cubicBezTo>
                  <a:cubicBezTo>
                    <a:pt x="30177" y="7974"/>
                    <a:pt x="30200" y="8007"/>
                    <a:pt x="30235" y="8014"/>
                  </a:cubicBezTo>
                  <a:lnTo>
                    <a:pt x="30257" y="8018"/>
                  </a:lnTo>
                  <a:cubicBezTo>
                    <a:pt x="30253" y="8017"/>
                    <a:pt x="30250" y="8017"/>
                    <a:pt x="30247" y="8017"/>
                  </a:cubicBezTo>
                  <a:cubicBezTo>
                    <a:pt x="30217" y="8017"/>
                    <a:pt x="30190" y="8038"/>
                    <a:pt x="30184" y="8068"/>
                  </a:cubicBezTo>
                  <a:cubicBezTo>
                    <a:pt x="30178" y="8102"/>
                    <a:pt x="30200" y="8136"/>
                    <a:pt x="30235" y="8142"/>
                  </a:cubicBezTo>
                  <a:lnTo>
                    <a:pt x="30257" y="8146"/>
                  </a:lnTo>
                  <a:cubicBezTo>
                    <a:pt x="30253" y="8145"/>
                    <a:pt x="30250" y="8145"/>
                    <a:pt x="30247" y="8145"/>
                  </a:cubicBezTo>
                  <a:cubicBezTo>
                    <a:pt x="30217" y="8145"/>
                    <a:pt x="30190" y="8166"/>
                    <a:pt x="30184" y="8195"/>
                  </a:cubicBezTo>
                  <a:cubicBezTo>
                    <a:pt x="30178" y="8230"/>
                    <a:pt x="30200" y="8263"/>
                    <a:pt x="30235" y="8269"/>
                  </a:cubicBezTo>
                  <a:lnTo>
                    <a:pt x="30257" y="8273"/>
                  </a:lnTo>
                  <a:cubicBezTo>
                    <a:pt x="30253" y="8273"/>
                    <a:pt x="30250" y="8272"/>
                    <a:pt x="30247" y="8272"/>
                  </a:cubicBezTo>
                  <a:cubicBezTo>
                    <a:pt x="30217" y="8272"/>
                    <a:pt x="30190" y="8293"/>
                    <a:pt x="30184" y="8324"/>
                  </a:cubicBezTo>
                  <a:cubicBezTo>
                    <a:pt x="30178" y="8358"/>
                    <a:pt x="30200" y="8391"/>
                    <a:pt x="30235" y="8397"/>
                  </a:cubicBezTo>
                  <a:lnTo>
                    <a:pt x="30257" y="8401"/>
                  </a:lnTo>
                  <a:cubicBezTo>
                    <a:pt x="30253" y="8401"/>
                    <a:pt x="30250" y="8400"/>
                    <a:pt x="30247" y="8400"/>
                  </a:cubicBezTo>
                  <a:cubicBezTo>
                    <a:pt x="30217" y="8400"/>
                    <a:pt x="30190" y="8421"/>
                    <a:pt x="30184" y="8452"/>
                  </a:cubicBezTo>
                  <a:cubicBezTo>
                    <a:pt x="30178" y="8486"/>
                    <a:pt x="30201" y="8519"/>
                    <a:pt x="30235" y="8525"/>
                  </a:cubicBezTo>
                  <a:lnTo>
                    <a:pt x="30257" y="8529"/>
                  </a:lnTo>
                  <a:cubicBezTo>
                    <a:pt x="30253" y="8529"/>
                    <a:pt x="30249" y="8528"/>
                    <a:pt x="30246" y="8528"/>
                  </a:cubicBezTo>
                  <a:cubicBezTo>
                    <a:pt x="30216" y="8528"/>
                    <a:pt x="30190" y="8550"/>
                    <a:pt x="30184" y="8579"/>
                  </a:cubicBezTo>
                  <a:cubicBezTo>
                    <a:pt x="30178" y="8613"/>
                    <a:pt x="30201" y="8646"/>
                    <a:pt x="30235" y="8652"/>
                  </a:cubicBezTo>
                  <a:lnTo>
                    <a:pt x="30257" y="8657"/>
                  </a:lnTo>
                  <a:cubicBezTo>
                    <a:pt x="30253" y="8656"/>
                    <a:pt x="30250" y="8656"/>
                    <a:pt x="30247" y="8656"/>
                  </a:cubicBezTo>
                  <a:cubicBezTo>
                    <a:pt x="30217" y="8656"/>
                    <a:pt x="30190" y="8676"/>
                    <a:pt x="30184" y="8707"/>
                  </a:cubicBezTo>
                  <a:cubicBezTo>
                    <a:pt x="30178" y="8741"/>
                    <a:pt x="30201" y="8774"/>
                    <a:pt x="30235" y="8781"/>
                  </a:cubicBezTo>
                  <a:lnTo>
                    <a:pt x="30257" y="8785"/>
                  </a:lnTo>
                  <a:cubicBezTo>
                    <a:pt x="30253" y="8784"/>
                    <a:pt x="30250" y="8784"/>
                    <a:pt x="30247" y="8784"/>
                  </a:cubicBezTo>
                  <a:cubicBezTo>
                    <a:pt x="30217" y="8784"/>
                    <a:pt x="30190" y="8805"/>
                    <a:pt x="30184" y="8834"/>
                  </a:cubicBezTo>
                  <a:cubicBezTo>
                    <a:pt x="30178" y="8869"/>
                    <a:pt x="30201" y="8901"/>
                    <a:pt x="30235" y="8909"/>
                  </a:cubicBezTo>
                  <a:lnTo>
                    <a:pt x="30256" y="8912"/>
                  </a:lnTo>
                  <a:lnTo>
                    <a:pt x="30256" y="8912"/>
                  </a:lnTo>
                  <a:cubicBezTo>
                    <a:pt x="30253" y="8911"/>
                    <a:pt x="30250" y="8911"/>
                    <a:pt x="30247" y="8911"/>
                  </a:cubicBezTo>
                  <a:cubicBezTo>
                    <a:pt x="30217" y="8911"/>
                    <a:pt x="30190" y="8932"/>
                    <a:pt x="30184" y="8962"/>
                  </a:cubicBezTo>
                  <a:cubicBezTo>
                    <a:pt x="30178" y="8997"/>
                    <a:pt x="30201" y="9030"/>
                    <a:pt x="30235" y="9036"/>
                  </a:cubicBezTo>
                  <a:lnTo>
                    <a:pt x="30257" y="9040"/>
                  </a:lnTo>
                  <a:cubicBezTo>
                    <a:pt x="30254" y="9040"/>
                    <a:pt x="30250" y="9039"/>
                    <a:pt x="30247" y="9039"/>
                  </a:cubicBezTo>
                  <a:cubicBezTo>
                    <a:pt x="30218" y="9039"/>
                    <a:pt x="30191" y="9060"/>
                    <a:pt x="30185" y="9091"/>
                  </a:cubicBezTo>
                  <a:cubicBezTo>
                    <a:pt x="30178" y="9125"/>
                    <a:pt x="30201" y="9158"/>
                    <a:pt x="30235" y="9164"/>
                  </a:cubicBezTo>
                  <a:lnTo>
                    <a:pt x="30257" y="9168"/>
                  </a:lnTo>
                  <a:cubicBezTo>
                    <a:pt x="30253" y="9168"/>
                    <a:pt x="30249" y="9167"/>
                    <a:pt x="30246" y="9167"/>
                  </a:cubicBezTo>
                  <a:cubicBezTo>
                    <a:pt x="30217" y="9167"/>
                    <a:pt x="30191" y="9188"/>
                    <a:pt x="30185" y="9218"/>
                  </a:cubicBezTo>
                  <a:cubicBezTo>
                    <a:pt x="30178" y="9252"/>
                    <a:pt x="30201" y="9285"/>
                    <a:pt x="30235" y="9291"/>
                  </a:cubicBezTo>
                  <a:lnTo>
                    <a:pt x="30257" y="9295"/>
                  </a:lnTo>
                  <a:cubicBezTo>
                    <a:pt x="30254" y="9295"/>
                    <a:pt x="30250" y="9295"/>
                    <a:pt x="30247" y="9295"/>
                  </a:cubicBezTo>
                  <a:cubicBezTo>
                    <a:pt x="30218" y="9295"/>
                    <a:pt x="30191" y="9315"/>
                    <a:pt x="30185" y="9346"/>
                  </a:cubicBezTo>
                  <a:cubicBezTo>
                    <a:pt x="30178" y="9380"/>
                    <a:pt x="30201" y="9413"/>
                    <a:pt x="30235" y="9419"/>
                  </a:cubicBezTo>
                  <a:lnTo>
                    <a:pt x="30257" y="9424"/>
                  </a:lnTo>
                  <a:cubicBezTo>
                    <a:pt x="30254" y="9423"/>
                    <a:pt x="30250" y="9423"/>
                    <a:pt x="30247" y="9423"/>
                  </a:cubicBezTo>
                  <a:cubicBezTo>
                    <a:pt x="30218" y="9423"/>
                    <a:pt x="30191" y="9443"/>
                    <a:pt x="30185" y="9473"/>
                  </a:cubicBezTo>
                  <a:cubicBezTo>
                    <a:pt x="30178" y="9508"/>
                    <a:pt x="30201" y="9540"/>
                    <a:pt x="30236" y="9548"/>
                  </a:cubicBezTo>
                  <a:lnTo>
                    <a:pt x="30258" y="9552"/>
                  </a:lnTo>
                  <a:cubicBezTo>
                    <a:pt x="30254" y="9551"/>
                    <a:pt x="30250" y="9551"/>
                    <a:pt x="30246" y="9551"/>
                  </a:cubicBezTo>
                  <a:cubicBezTo>
                    <a:pt x="30217" y="9551"/>
                    <a:pt x="30191" y="9571"/>
                    <a:pt x="30185" y="9601"/>
                  </a:cubicBezTo>
                  <a:cubicBezTo>
                    <a:pt x="30178" y="9635"/>
                    <a:pt x="30201" y="9668"/>
                    <a:pt x="30236" y="9675"/>
                  </a:cubicBezTo>
                  <a:lnTo>
                    <a:pt x="30257" y="9679"/>
                  </a:lnTo>
                  <a:cubicBezTo>
                    <a:pt x="30254" y="9678"/>
                    <a:pt x="30250" y="9678"/>
                    <a:pt x="30247" y="9678"/>
                  </a:cubicBezTo>
                  <a:cubicBezTo>
                    <a:pt x="30218" y="9678"/>
                    <a:pt x="30191" y="9699"/>
                    <a:pt x="30185" y="9729"/>
                  </a:cubicBezTo>
                  <a:cubicBezTo>
                    <a:pt x="30178" y="9764"/>
                    <a:pt x="30201" y="9797"/>
                    <a:pt x="30236" y="9803"/>
                  </a:cubicBezTo>
                  <a:lnTo>
                    <a:pt x="30258" y="9807"/>
                  </a:lnTo>
                  <a:cubicBezTo>
                    <a:pt x="30254" y="9806"/>
                    <a:pt x="30251" y="9806"/>
                    <a:pt x="30248" y="9806"/>
                  </a:cubicBezTo>
                  <a:cubicBezTo>
                    <a:pt x="30218" y="9806"/>
                    <a:pt x="30191" y="9827"/>
                    <a:pt x="30185" y="9857"/>
                  </a:cubicBezTo>
                  <a:cubicBezTo>
                    <a:pt x="30179" y="9891"/>
                    <a:pt x="30201" y="9924"/>
                    <a:pt x="30236" y="9931"/>
                  </a:cubicBezTo>
                  <a:lnTo>
                    <a:pt x="30257" y="9934"/>
                  </a:lnTo>
                  <a:lnTo>
                    <a:pt x="30257" y="9934"/>
                  </a:lnTo>
                  <a:cubicBezTo>
                    <a:pt x="30254" y="9934"/>
                    <a:pt x="30251" y="9933"/>
                    <a:pt x="30248" y="9933"/>
                  </a:cubicBezTo>
                  <a:cubicBezTo>
                    <a:pt x="30218" y="9933"/>
                    <a:pt x="30191" y="9954"/>
                    <a:pt x="30185" y="9985"/>
                  </a:cubicBezTo>
                  <a:cubicBezTo>
                    <a:pt x="30179" y="10019"/>
                    <a:pt x="30202" y="10052"/>
                    <a:pt x="30236" y="10058"/>
                  </a:cubicBezTo>
                  <a:lnTo>
                    <a:pt x="30258" y="10062"/>
                  </a:lnTo>
                  <a:cubicBezTo>
                    <a:pt x="30254" y="10062"/>
                    <a:pt x="30251" y="10062"/>
                    <a:pt x="30248" y="10062"/>
                  </a:cubicBezTo>
                  <a:cubicBezTo>
                    <a:pt x="30218" y="10062"/>
                    <a:pt x="30191" y="10082"/>
                    <a:pt x="30185" y="10113"/>
                  </a:cubicBezTo>
                  <a:cubicBezTo>
                    <a:pt x="30179" y="10147"/>
                    <a:pt x="30202" y="10180"/>
                    <a:pt x="30236" y="10186"/>
                  </a:cubicBezTo>
                  <a:lnTo>
                    <a:pt x="30258" y="10191"/>
                  </a:lnTo>
                  <a:cubicBezTo>
                    <a:pt x="30254" y="10190"/>
                    <a:pt x="30250" y="10189"/>
                    <a:pt x="30247" y="10189"/>
                  </a:cubicBezTo>
                  <a:cubicBezTo>
                    <a:pt x="30217" y="10189"/>
                    <a:pt x="30191" y="10211"/>
                    <a:pt x="30185" y="10240"/>
                  </a:cubicBezTo>
                  <a:cubicBezTo>
                    <a:pt x="30179" y="10274"/>
                    <a:pt x="30202" y="10307"/>
                    <a:pt x="30236" y="10314"/>
                  </a:cubicBezTo>
                  <a:lnTo>
                    <a:pt x="30258" y="10318"/>
                  </a:lnTo>
                  <a:cubicBezTo>
                    <a:pt x="30254" y="10317"/>
                    <a:pt x="30251" y="10317"/>
                    <a:pt x="30248" y="10317"/>
                  </a:cubicBezTo>
                  <a:cubicBezTo>
                    <a:pt x="30218" y="10317"/>
                    <a:pt x="30191" y="10338"/>
                    <a:pt x="30185" y="10368"/>
                  </a:cubicBezTo>
                  <a:cubicBezTo>
                    <a:pt x="30179" y="10402"/>
                    <a:pt x="30202" y="10435"/>
                    <a:pt x="30236" y="10442"/>
                  </a:cubicBezTo>
                  <a:lnTo>
                    <a:pt x="30258" y="10446"/>
                  </a:lnTo>
                  <a:cubicBezTo>
                    <a:pt x="30255" y="10445"/>
                    <a:pt x="30251" y="10445"/>
                    <a:pt x="30248" y="10445"/>
                  </a:cubicBezTo>
                  <a:cubicBezTo>
                    <a:pt x="30218" y="10445"/>
                    <a:pt x="30191" y="10466"/>
                    <a:pt x="30185" y="10495"/>
                  </a:cubicBezTo>
                  <a:cubicBezTo>
                    <a:pt x="30179" y="10531"/>
                    <a:pt x="30202" y="10563"/>
                    <a:pt x="30236" y="10570"/>
                  </a:cubicBezTo>
                  <a:lnTo>
                    <a:pt x="30258" y="10574"/>
                  </a:lnTo>
                  <a:cubicBezTo>
                    <a:pt x="30254" y="10573"/>
                    <a:pt x="30250" y="10573"/>
                    <a:pt x="30247" y="10573"/>
                  </a:cubicBezTo>
                  <a:cubicBezTo>
                    <a:pt x="30218" y="10573"/>
                    <a:pt x="30192" y="10593"/>
                    <a:pt x="30185" y="10624"/>
                  </a:cubicBezTo>
                  <a:cubicBezTo>
                    <a:pt x="30179" y="10658"/>
                    <a:pt x="30202" y="10691"/>
                    <a:pt x="30236" y="10697"/>
                  </a:cubicBezTo>
                  <a:lnTo>
                    <a:pt x="30258" y="10701"/>
                  </a:lnTo>
                  <a:cubicBezTo>
                    <a:pt x="30255" y="10701"/>
                    <a:pt x="30251" y="10700"/>
                    <a:pt x="30248" y="10700"/>
                  </a:cubicBezTo>
                  <a:cubicBezTo>
                    <a:pt x="30219" y="10700"/>
                    <a:pt x="30192" y="10721"/>
                    <a:pt x="30185" y="10752"/>
                  </a:cubicBezTo>
                  <a:cubicBezTo>
                    <a:pt x="30179" y="10786"/>
                    <a:pt x="30202" y="10819"/>
                    <a:pt x="30236" y="10825"/>
                  </a:cubicBezTo>
                  <a:lnTo>
                    <a:pt x="30258" y="10829"/>
                  </a:lnTo>
                  <a:cubicBezTo>
                    <a:pt x="30255" y="10829"/>
                    <a:pt x="30251" y="10829"/>
                    <a:pt x="30248" y="10829"/>
                  </a:cubicBezTo>
                  <a:cubicBezTo>
                    <a:pt x="30219" y="10829"/>
                    <a:pt x="30192" y="10849"/>
                    <a:pt x="30185" y="10879"/>
                  </a:cubicBezTo>
                  <a:cubicBezTo>
                    <a:pt x="30179" y="10913"/>
                    <a:pt x="30202" y="10946"/>
                    <a:pt x="30236" y="10953"/>
                  </a:cubicBezTo>
                  <a:lnTo>
                    <a:pt x="30256" y="10956"/>
                  </a:lnTo>
                  <a:lnTo>
                    <a:pt x="30256" y="10956"/>
                  </a:lnTo>
                  <a:cubicBezTo>
                    <a:pt x="30253" y="10956"/>
                    <a:pt x="30251" y="10956"/>
                    <a:pt x="30248" y="10956"/>
                  </a:cubicBezTo>
                  <a:cubicBezTo>
                    <a:pt x="30219" y="10956"/>
                    <a:pt x="30192" y="10976"/>
                    <a:pt x="30186" y="11007"/>
                  </a:cubicBezTo>
                  <a:cubicBezTo>
                    <a:pt x="30179" y="11041"/>
                    <a:pt x="30202" y="11074"/>
                    <a:pt x="30236" y="11081"/>
                  </a:cubicBezTo>
                  <a:lnTo>
                    <a:pt x="30258" y="11085"/>
                  </a:lnTo>
                  <a:cubicBezTo>
                    <a:pt x="30255" y="11084"/>
                    <a:pt x="30251" y="11084"/>
                    <a:pt x="30248" y="11084"/>
                  </a:cubicBezTo>
                  <a:cubicBezTo>
                    <a:pt x="30219" y="11084"/>
                    <a:pt x="30192" y="11105"/>
                    <a:pt x="30186" y="11135"/>
                  </a:cubicBezTo>
                  <a:cubicBezTo>
                    <a:pt x="30179" y="11169"/>
                    <a:pt x="30202" y="11202"/>
                    <a:pt x="30237" y="11209"/>
                  </a:cubicBezTo>
                  <a:lnTo>
                    <a:pt x="30259" y="11213"/>
                  </a:lnTo>
                  <a:cubicBezTo>
                    <a:pt x="30255" y="11212"/>
                    <a:pt x="30251" y="11212"/>
                    <a:pt x="30248" y="11212"/>
                  </a:cubicBezTo>
                  <a:cubicBezTo>
                    <a:pt x="30218" y="11212"/>
                    <a:pt x="30192" y="11233"/>
                    <a:pt x="30186" y="11262"/>
                  </a:cubicBezTo>
                  <a:cubicBezTo>
                    <a:pt x="30180" y="11297"/>
                    <a:pt x="30202" y="11330"/>
                    <a:pt x="30237" y="11336"/>
                  </a:cubicBezTo>
                  <a:lnTo>
                    <a:pt x="30259" y="11340"/>
                  </a:lnTo>
                  <a:cubicBezTo>
                    <a:pt x="30255" y="11339"/>
                    <a:pt x="30252" y="11339"/>
                    <a:pt x="30249" y="11339"/>
                  </a:cubicBezTo>
                  <a:cubicBezTo>
                    <a:pt x="30219" y="11339"/>
                    <a:pt x="30192" y="11360"/>
                    <a:pt x="30186" y="11391"/>
                  </a:cubicBezTo>
                  <a:cubicBezTo>
                    <a:pt x="30180" y="11425"/>
                    <a:pt x="30202" y="11458"/>
                    <a:pt x="30237" y="11464"/>
                  </a:cubicBezTo>
                  <a:lnTo>
                    <a:pt x="30259" y="11468"/>
                  </a:lnTo>
                  <a:cubicBezTo>
                    <a:pt x="30255" y="11468"/>
                    <a:pt x="30252" y="11467"/>
                    <a:pt x="30249" y="11467"/>
                  </a:cubicBezTo>
                  <a:cubicBezTo>
                    <a:pt x="30219" y="11467"/>
                    <a:pt x="30192" y="11488"/>
                    <a:pt x="30186" y="11518"/>
                  </a:cubicBezTo>
                  <a:cubicBezTo>
                    <a:pt x="30180" y="11552"/>
                    <a:pt x="30203" y="11585"/>
                    <a:pt x="30237" y="11592"/>
                  </a:cubicBezTo>
                  <a:lnTo>
                    <a:pt x="30258" y="11595"/>
                  </a:lnTo>
                  <a:lnTo>
                    <a:pt x="30258" y="11595"/>
                  </a:lnTo>
                  <a:cubicBezTo>
                    <a:pt x="30255" y="11595"/>
                    <a:pt x="30252" y="11595"/>
                    <a:pt x="30249" y="11595"/>
                  </a:cubicBezTo>
                  <a:cubicBezTo>
                    <a:pt x="30219" y="11595"/>
                    <a:pt x="30192" y="11615"/>
                    <a:pt x="30186" y="11646"/>
                  </a:cubicBezTo>
                  <a:cubicBezTo>
                    <a:pt x="30180" y="11680"/>
                    <a:pt x="30203" y="11713"/>
                    <a:pt x="30237" y="11719"/>
                  </a:cubicBezTo>
                  <a:lnTo>
                    <a:pt x="30259" y="11723"/>
                  </a:lnTo>
                  <a:cubicBezTo>
                    <a:pt x="30255" y="11723"/>
                    <a:pt x="30252" y="11723"/>
                    <a:pt x="30249" y="11723"/>
                  </a:cubicBezTo>
                  <a:cubicBezTo>
                    <a:pt x="30219" y="11723"/>
                    <a:pt x="30192" y="11743"/>
                    <a:pt x="30186" y="11774"/>
                  </a:cubicBezTo>
                  <a:cubicBezTo>
                    <a:pt x="30180" y="11808"/>
                    <a:pt x="30203" y="11841"/>
                    <a:pt x="30237" y="11847"/>
                  </a:cubicBezTo>
                  <a:lnTo>
                    <a:pt x="30259" y="11852"/>
                  </a:lnTo>
                  <a:cubicBezTo>
                    <a:pt x="30255" y="11851"/>
                    <a:pt x="30252" y="11851"/>
                    <a:pt x="30249" y="11851"/>
                  </a:cubicBezTo>
                  <a:cubicBezTo>
                    <a:pt x="30219" y="11851"/>
                    <a:pt x="30192" y="11871"/>
                    <a:pt x="30186" y="11901"/>
                  </a:cubicBezTo>
                  <a:cubicBezTo>
                    <a:pt x="30180" y="11935"/>
                    <a:pt x="30203" y="11968"/>
                    <a:pt x="30237" y="11975"/>
                  </a:cubicBezTo>
                  <a:lnTo>
                    <a:pt x="30259" y="11979"/>
                  </a:lnTo>
                  <a:cubicBezTo>
                    <a:pt x="30255" y="11978"/>
                    <a:pt x="30252" y="11978"/>
                    <a:pt x="30249" y="11978"/>
                  </a:cubicBezTo>
                  <a:cubicBezTo>
                    <a:pt x="30219" y="11978"/>
                    <a:pt x="30192" y="11999"/>
                    <a:pt x="30186" y="12029"/>
                  </a:cubicBezTo>
                  <a:cubicBezTo>
                    <a:pt x="30180" y="12064"/>
                    <a:pt x="30203" y="12097"/>
                    <a:pt x="30237" y="12103"/>
                  </a:cubicBezTo>
                  <a:lnTo>
                    <a:pt x="30259" y="12107"/>
                  </a:lnTo>
                  <a:cubicBezTo>
                    <a:pt x="30255" y="12106"/>
                    <a:pt x="30252" y="12106"/>
                    <a:pt x="30249" y="12106"/>
                  </a:cubicBezTo>
                  <a:cubicBezTo>
                    <a:pt x="30219" y="12106"/>
                    <a:pt x="30192" y="12127"/>
                    <a:pt x="30186" y="12157"/>
                  </a:cubicBezTo>
                  <a:cubicBezTo>
                    <a:pt x="30180" y="12192"/>
                    <a:pt x="30203" y="12224"/>
                    <a:pt x="30237" y="12231"/>
                  </a:cubicBezTo>
                  <a:lnTo>
                    <a:pt x="30259" y="12235"/>
                  </a:lnTo>
                  <a:cubicBezTo>
                    <a:pt x="30255" y="12234"/>
                    <a:pt x="30251" y="12234"/>
                    <a:pt x="30247" y="12234"/>
                  </a:cubicBezTo>
                  <a:cubicBezTo>
                    <a:pt x="30218" y="12234"/>
                    <a:pt x="30192" y="12255"/>
                    <a:pt x="30186" y="12285"/>
                  </a:cubicBezTo>
                  <a:cubicBezTo>
                    <a:pt x="30180" y="12319"/>
                    <a:pt x="30203" y="12352"/>
                    <a:pt x="30237" y="12358"/>
                  </a:cubicBezTo>
                  <a:lnTo>
                    <a:pt x="30259" y="12362"/>
                  </a:lnTo>
                  <a:cubicBezTo>
                    <a:pt x="30255" y="12362"/>
                    <a:pt x="30252" y="12362"/>
                    <a:pt x="30249" y="12362"/>
                  </a:cubicBezTo>
                  <a:cubicBezTo>
                    <a:pt x="30219" y="12362"/>
                    <a:pt x="30192" y="12382"/>
                    <a:pt x="30186" y="12413"/>
                  </a:cubicBezTo>
                  <a:cubicBezTo>
                    <a:pt x="30180" y="12447"/>
                    <a:pt x="30203" y="12480"/>
                    <a:pt x="30237" y="12486"/>
                  </a:cubicBezTo>
                  <a:lnTo>
                    <a:pt x="30259" y="12490"/>
                  </a:lnTo>
                  <a:cubicBezTo>
                    <a:pt x="30256" y="12490"/>
                    <a:pt x="30252" y="12490"/>
                    <a:pt x="30249" y="12490"/>
                  </a:cubicBezTo>
                  <a:cubicBezTo>
                    <a:pt x="30219" y="12490"/>
                    <a:pt x="30192" y="12510"/>
                    <a:pt x="30186" y="12540"/>
                  </a:cubicBezTo>
                  <a:cubicBezTo>
                    <a:pt x="30180" y="12574"/>
                    <a:pt x="30203" y="12607"/>
                    <a:pt x="30237" y="12613"/>
                  </a:cubicBezTo>
                  <a:lnTo>
                    <a:pt x="30259" y="12618"/>
                  </a:lnTo>
                  <a:cubicBezTo>
                    <a:pt x="30256" y="12617"/>
                    <a:pt x="30252" y="12617"/>
                    <a:pt x="30249" y="12617"/>
                  </a:cubicBezTo>
                  <a:cubicBezTo>
                    <a:pt x="30220" y="12617"/>
                    <a:pt x="30193" y="12637"/>
                    <a:pt x="30188" y="12668"/>
                  </a:cubicBezTo>
                  <a:cubicBezTo>
                    <a:pt x="30180" y="12702"/>
                    <a:pt x="30203" y="12735"/>
                    <a:pt x="30237" y="12742"/>
                  </a:cubicBezTo>
                  <a:lnTo>
                    <a:pt x="30259" y="12746"/>
                  </a:lnTo>
                  <a:cubicBezTo>
                    <a:pt x="30256" y="12745"/>
                    <a:pt x="30252" y="12745"/>
                    <a:pt x="30249" y="12745"/>
                  </a:cubicBezTo>
                  <a:cubicBezTo>
                    <a:pt x="30220" y="12745"/>
                    <a:pt x="30193" y="12766"/>
                    <a:pt x="30188" y="12795"/>
                  </a:cubicBezTo>
                  <a:cubicBezTo>
                    <a:pt x="30180" y="12831"/>
                    <a:pt x="30203" y="12863"/>
                    <a:pt x="30238" y="12870"/>
                  </a:cubicBezTo>
                  <a:lnTo>
                    <a:pt x="30259" y="12874"/>
                  </a:lnTo>
                  <a:cubicBezTo>
                    <a:pt x="30255" y="12873"/>
                    <a:pt x="30252" y="12873"/>
                    <a:pt x="30248" y="12873"/>
                  </a:cubicBezTo>
                  <a:cubicBezTo>
                    <a:pt x="30219" y="12873"/>
                    <a:pt x="30193" y="12894"/>
                    <a:pt x="30188" y="12924"/>
                  </a:cubicBezTo>
                  <a:cubicBezTo>
                    <a:pt x="30180" y="12958"/>
                    <a:pt x="30203" y="12991"/>
                    <a:pt x="30238" y="12997"/>
                  </a:cubicBezTo>
                  <a:lnTo>
                    <a:pt x="30260" y="13001"/>
                  </a:lnTo>
                  <a:cubicBezTo>
                    <a:pt x="30257" y="13001"/>
                    <a:pt x="30253" y="13000"/>
                    <a:pt x="30250" y="13000"/>
                  </a:cubicBezTo>
                  <a:cubicBezTo>
                    <a:pt x="30220" y="13000"/>
                    <a:pt x="30193" y="13021"/>
                    <a:pt x="30188" y="13052"/>
                  </a:cubicBezTo>
                  <a:cubicBezTo>
                    <a:pt x="30181" y="13086"/>
                    <a:pt x="30203" y="13119"/>
                    <a:pt x="30238" y="13125"/>
                  </a:cubicBezTo>
                  <a:lnTo>
                    <a:pt x="30260" y="13129"/>
                  </a:lnTo>
                  <a:cubicBezTo>
                    <a:pt x="30257" y="13129"/>
                    <a:pt x="30253" y="13128"/>
                    <a:pt x="30250" y="13128"/>
                  </a:cubicBezTo>
                  <a:cubicBezTo>
                    <a:pt x="30220" y="13128"/>
                    <a:pt x="30193" y="13149"/>
                    <a:pt x="30188" y="13180"/>
                  </a:cubicBezTo>
                  <a:cubicBezTo>
                    <a:pt x="30181" y="13214"/>
                    <a:pt x="30204" y="13247"/>
                    <a:pt x="30238" y="13253"/>
                  </a:cubicBezTo>
                  <a:lnTo>
                    <a:pt x="30260" y="13257"/>
                  </a:lnTo>
                  <a:cubicBezTo>
                    <a:pt x="30257" y="13257"/>
                    <a:pt x="30253" y="13257"/>
                    <a:pt x="30250" y="13257"/>
                  </a:cubicBezTo>
                  <a:cubicBezTo>
                    <a:pt x="30220" y="13257"/>
                    <a:pt x="30193" y="13277"/>
                    <a:pt x="30188" y="13307"/>
                  </a:cubicBezTo>
                  <a:cubicBezTo>
                    <a:pt x="30181" y="13341"/>
                    <a:pt x="30204" y="13374"/>
                    <a:pt x="30238" y="13380"/>
                  </a:cubicBezTo>
                  <a:lnTo>
                    <a:pt x="30260" y="13385"/>
                  </a:lnTo>
                  <a:cubicBezTo>
                    <a:pt x="30257" y="13384"/>
                    <a:pt x="30253" y="13384"/>
                    <a:pt x="30250" y="13384"/>
                  </a:cubicBezTo>
                  <a:cubicBezTo>
                    <a:pt x="30220" y="13384"/>
                    <a:pt x="30193" y="13404"/>
                    <a:pt x="30188" y="13435"/>
                  </a:cubicBezTo>
                  <a:cubicBezTo>
                    <a:pt x="30181" y="13469"/>
                    <a:pt x="30204" y="13502"/>
                    <a:pt x="30238" y="13509"/>
                  </a:cubicBezTo>
                  <a:lnTo>
                    <a:pt x="30260" y="13513"/>
                  </a:lnTo>
                  <a:cubicBezTo>
                    <a:pt x="30257" y="13512"/>
                    <a:pt x="30253" y="13512"/>
                    <a:pt x="30250" y="13512"/>
                  </a:cubicBezTo>
                  <a:cubicBezTo>
                    <a:pt x="30220" y="13512"/>
                    <a:pt x="30193" y="13533"/>
                    <a:pt x="30188" y="13563"/>
                  </a:cubicBezTo>
                  <a:cubicBezTo>
                    <a:pt x="30181" y="13598"/>
                    <a:pt x="30204" y="13631"/>
                    <a:pt x="30238" y="13637"/>
                  </a:cubicBezTo>
                  <a:lnTo>
                    <a:pt x="30260" y="13641"/>
                  </a:lnTo>
                  <a:cubicBezTo>
                    <a:pt x="30256" y="13640"/>
                    <a:pt x="30252" y="13640"/>
                    <a:pt x="30249" y="13640"/>
                  </a:cubicBezTo>
                  <a:cubicBezTo>
                    <a:pt x="30219" y="13640"/>
                    <a:pt x="30193" y="13661"/>
                    <a:pt x="30188" y="13691"/>
                  </a:cubicBezTo>
                  <a:cubicBezTo>
                    <a:pt x="30181" y="13725"/>
                    <a:pt x="30204" y="13758"/>
                    <a:pt x="30238" y="13764"/>
                  </a:cubicBezTo>
                  <a:lnTo>
                    <a:pt x="30260" y="13768"/>
                  </a:lnTo>
                  <a:cubicBezTo>
                    <a:pt x="30257" y="13768"/>
                    <a:pt x="30253" y="13767"/>
                    <a:pt x="30250" y="13767"/>
                  </a:cubicBezTo>
                  <a:cubicBezTo>
                    <a:pt x="30220" y="13767"/>
                    <a:pt x="30193" y="13788"/>
                    <a:pt x="30188" y="13819"/>
                  </a:cubicBezTo>
                  <a:cubicBezTo>
                    <a:pt x="30183" y="13839"/>
                    <a:pt x="30194" y="13858"/>
                    <a:pt x="30208" y="13872"/>
                  </a:cubicBezTo>
                  <a:cubicBezTo>
                    <a:pt x="29990" y="13972"/>
                    <a:pt x="29837" y="14190"/>
                    <a:pt x="29837" y="14446"/>
                  </a:cubicBezTo>
                  <a:lnTo>
                    <a:pt x="29837" y="15166"/>
                  </a:lnTo>
                  <a:lnTo>
                    <a:pt x="29837" y="15666"/>
                  </a:lnTo>
                  <a:cubicBezTo>
                    <a:pt x="29837" y="15736"/>
                    <a:pt x="29893" y="15793"/>
                    <a:pt x="29963" y="15795"/>
                  </a:cubicBezTo>
                  <a:lnTo>
                    <a:pt x="30422" y="15805"/>
                  </a:lnTo>
                  <a:cubicBezTo>
                    <a:pt x="30515" y="15808"/>
                    <a:pt x="30603" y="15849"/>
                    <a:pt x="30663" y="15920"/>
                  </a:cubicBezTo>
                  <a:lnTo>
                    <a:pt x="30881" y="16176"/>
                  </a:lnTo>
                  <a:cubicBezTo>
                    <a:pt x="31014" y="16332"/>
                    <a:pt x="31042" y="16550"/>
                    <a:pt x="30955" y="16735"/>
                  </a:cubicBezTo>
                  <a:lnTo>
                    <a:pt x="30879" y="16893"/>
                  </a:lnTo>
                  <a:cubicBezTo>
                    <a:pt x="30818" y="17021"/>
                    <a:pt x="30688" y="17103"/>
                    <a:pt x="30547" y="17103"/>
                  </a:cubicBezTo>
                  <a:cubicBezTo>
                    <a:pt x="30546" y="17103"/>
                    <a:pt x="30545" y="17103"/>
                    <a:pt x="30544" y="17103"/>
                  </a:cubicBezTo>
                  <a:lnTo>
                    <a:pt x="29915" y="17098"/>
                  </a:lnTo>
                  <a:cubicBezTo>
                    <a:pt x="29806" y="17097"/>
                    <a:pt x="29703" y="17049"/>
                    <a:pt x="29631" y="16966"/>
                  </a:cubicBezTo>
                  <a:lnTo>
                    <a:pt x="29398" y="16696"/>
                  </a:lnTo>
                  <a:cubicBezTo>
                    <a:pt x="29385" y="16681"/>
                    <a:pt x="29368" y="16675"/>
                    <a:pt x="29352" y="16675"/>
                  </a:cubicBezTo>
                  <a:cubicBezTo>
                    <a:pt x="29316" y="16675"/>
                    <a:pt x="29282" y="16706"/>
                    <a:pt x="29290" y="16748"/>
                  </a:cubicBezTo>
                  <a:lnTo>
                    <a:pt x="29362" y="17124"/>
                  </a:lnTo>
                  <a:cubicBezTo>
                    <a:pt x="29378" y="17213"/>
                    <a:pt x="29417" y="17297"/>
                    <a:pt x="29474" y="17367"/>
                  </a:cubicBezTo>
                  <a:lnTo>
                    <a:pt x="29519" y="17421"/>
                  </a:lnTo>
                  <a:cubicBezTo>
                    <a:pt x="29720" y="17668"/>
                    <a:pt x="30022" y="17811"/>
                    <a:pt x="30342" y="17811"/>
                  </a:cubicBezTo>
                  <a:lnTo>
                    <a:pt x="30484" y="17811"/>
                  </a:lnTo>
                  <a:cubicBezTo>
                    <a:pt x="30744" y="17811"/>
                    <a:pt x="30995" y="17716"/>
                    <a:pt x="31190" y="17543"/>
                  </a:cubicBezTo>
                  <a:cubicBezTo>
                    <a:pt x="31386" y="17368"/>
                    <a:pt x="31510" y="17129"/>
                    <a:pt x="31540" y="16869"/>
                  </a:cubicBezTo>
                  <a:lnTo>
                    <a:pt x="31583" y="16486"/>
                  </a:lnTo>
                  <a:cubicBezTo>
                    <a:pt x="31607" y="16275"/>
                    <a:pt x="31567" y="16062"/>
                    <a:pt x="31469" y="15874"/>
                  </a:cubicBezTo>
                  <a:lnTo>
                    <a:pt x="31099" y="15165"/>
                  </a:lnTo>
                  <a:lnTo>
                    <a:pt x="31099" y="14445"/>
                  </a:lnTo>
                  <a:cubicBezTo>
                    <a:pt x="31099" y="14190"/>
                    <a:pt x="30946" y="13970"/>
                    <a:pt x="30727" y="13871"/>
                  </a:cubicBezTo>
                  <a:cubicBezTo>
                    <a:pt x="30718" y="13860"/>
                    <a:pt x="30706" y="13851"/>
                    <a:pt x="30691" y="13848"/>
                  </a:cubicBezTo>
                  <a:lnTo>
                    <a:pt x="30669" y="13844"/>
                  </a:lnTo>
                  <a:lnTo>
                    <a:pt x="30669" y="13844"/>
                  </a:lnTo>
                  <a:cubicBezTo>
                    <a:pt x="30673" y="13844"/>
                    <a:pt x="30677" y="13845"/>
                    <a:pt x="30681" y="13845"/>
                  </a:cubicBezTo>
                  <a:cubicBezTo>
                    <a:pt x="30710" y="13845"/>
                    <a:pt x="30736" y="13824"/>
                    <a:pt x="30742" y="13794"/>
                  </a:cubicBezTo>
                  <a:cubicBezTo>
                    <a:pt x="30748" y="13760"/>
                    <a:pt x="30726" y="13727"/>
                    <a:pt x="30691" y="13721"/>
                  </a:cubicBezTo>
                  <a:lnTo>
                    <a:pt x="30669" y="13716"/>
                  </a:lnTo>
                  <a:lnTo>
                    <a:pt x="30669" y="13716"/>
                  </a:lnTo>
                  <a:cubicBezTo>
                    <a:pt x="30673" y="13717"/>
                    <a:pt x="30676" y="13717"/>
                    <a:pt x="30679" y="13717"/>
                  </a:cubicBezTo>
                  <a:cubicBezTo>
                    <a:pt x="30709" y="13717"/>
                    <a:pt x="30736" y="13696"/>
                    <a:pt x="30742" y="13666"/>
                  </a:cubicBezTo>
                  <a:cubicBezTo>
                    <a:pt x="30748" y="13632"/>
                    <a:pt x="30725" y="13599"/>
                    <a:pt x="30691" y="13592"/>
                  </a:cubicBezTo>
                  <a:lnTo>
                    <a:pt x="30669" y="13588"/>
                  </a:lnTo>
                  <a:lnTo>
                    <a:pt x="30669" y="13588"/>
                  </a:lnTo>
                  <a:cubicBezTo>
                    <a:pt x="30673" y="13589"/>
                    <a:pt x="30676" y="13589"/>
                    <a:pt x="30679" y="13589"/>
                  </a:cubicBezTo>
                  <a:cubicBezTo>
                    <a:pt x="30709" y="13589"/>
                    <a:pt x="30736" y="13568"/>
                    <a:pt x="30742" y="13539"/>
                  </a:cubicBezTo>
                  <a:cubicBezTo>
                    <a:pt x="30748" y="13503"/>
                    <a:pt x="30725" y="13471"/>
                    <a:pt x="30691" y="13464"/>
                  </a:cubicBezTo>
                  <a:lnTo>
                    <a:pt x="30670" y="13461"/>
                  </a:lnTo>
                  <a:lnTo>
                    <a:pt x="30670" y="13461"/>
                  </a:lnTo>
                  <a:cubicBezTo>
                    <a:pt x="30673" y="13462"/>
                    <a:pt x="30676" y="13462"/>
                    <a:pt x="30679" y="13462"/>
                  </a:cubicBezTo>
                  <a:cubicBezTo>
                    <a:pt x="30709" y="13462"/>
                    <a:pt x="30736" y="13441"/>
                    <a:pt x="30742" y="13410"/>
                  </a:cubicBezTo>
                  <a:cubicBezTo>
                    <a:pt x="30748" y="13376"/>
                    <a:pt x="30725" y="13343"/>
                    <a:pt x="30691" y="13337"/>
                  </a:cubicBezTo>
                  <a:lnTo>
                    <a:pt x="30669" y="13333"/>
                  </a:lnTo>
                  <a:lnTo>
                    <a:pt x="30669" y="13333"/>
                  </a:lnTo>
                  <a:cubicBezTo>
                    <a:pt x="30673" y="13333"/>
                    <a:pt x="30676" y="13334"/>
                    <a:pt x="30679" y="13334"/>
                  </a:cubicBezTo>
                  <a:cubicBezTo>
                    <a:pt x="30709" y="13334"/>
                    <a:pt x="30736" y="13313"/>
                    <a:pt x="30742" y="13282"/>
                  </a:cubicBezTo>
                  <a:cubicBezTo>
                    <a:pt x="30748" y="13248"/>
                    <a:pt x="30725" y="13215"/>
                    <a:pt x="30691" y="13209"/>
                  </a:cubicBezTo>
                  <a:lnTo>
                    <a:pt x="30669" y="13205"/>
                  </a:lnTo>
                  <a:lnTo>
                    <a:pt x="30669" y="13205"/>
                  </a:lnTo>
                  <a:cubicBezTo>
                    <a:pt x="30673" y="13205"/>
                    <a:pt x="30677" y="13206"/>
                    <a:pt x="30680" y="13206"/>
                  </a:cubicBezTo>
                  <a:cubicBezTo>
                    <a:pt x="30709" y="13206"/>
                    <a:pt x="30736" y="13185"/>
                    <a:pt x="30742" y="13155"/>
                  </a:cubicBezTo>
                  <a:cubicBezTo>
                    <a:pt x="30748" y="13121"/>
                    <a:pt x="30725" y="13088"/>
                    <a:pt x="30691" y="13081"/>
                  </a:cubicBezTo>
                  <a:lnTo>
                    <a:pt x="30671" y="13078"/>
                  </a:lnTo>
                  <a:lnTo>
                    <a:pt x="30671" y="13078"/>
                  </a:lnTo>
                  <a:cubicBezTo>
                    <a:pt x="30674" y="13078"/>
                    <a:pt x="30676" y="13078"/>
                    <a:pt x="30679" y="13078"/>
                  </a:cubicBezTo>
                  <a:cubicBezTo>
                    <a:pt x="30708" y="13078"/>
                    <a:pt x="30735" y="13058"/>
                    <a:pt x="30741" y="13027"/>
                  </a:cubicBezTo>
                  <a:cubicBezTo>
                    <a:pt x="30748" y="12993"/>
                    <a:pt x="30725" y="12960"/>
                    <a:pt x="30691" y="12954"/>
                  </a:cubicBezTo>
                  <a:lnTo>
                    <a:pt x="30669" y="12949"/>
                  </a:lnTo>
                  <a:lnTo>
                    <a:pt x="30669" y="12949"/>
                  </a:lnTo>
                  <a:cubicBezTo>
                    <a:pt x="30672" y="12950"/>
                    <a:pt x="30676" y="12950"/>
                    <a:pt x="30679" y="12950"/>
                  </a:cubicBezTo>
                  <a:cubicBezTo>
                    <a:pt x="30708" y="12950"/>
                    <a:pt x="30735" y="12929"/>
                    <a:pt x="30741" y="12899"/>
                  </a:cubicBezTo>
                  <a:cubicBezTo>
                    <a:pt x="30748" y="12865"/>
                    <a:pt x="30725" y="12832"/>
                    <a:pt x="30690" y="12825"/>
                  </a:cubicBezTo>
                  <a:lnTo>
                    <a:pt x="30668" y="12821"/>
                  </a:lnTo>
                  <a:lnTo>
                    <a:pt x="30668" y="12821"/>
                  </a:lnTo>
                  <a:cubicBezTo>
                    <a:pt x="30672" y="12822"/>
                    <a:pt x="30676" y="12822"/>
                    <a:pt x="30680" y="12822"/>
                  </a:cubicBezTo>
                  <a:cubicBezTo>
                    <a:pt x="30709" y="12822"/>
                    <a:pt x="30735" y="12802"/>
                    <a:pt x="30741" y="12772"/>
                  </a:cubicBezTo>
                  <a:cubicBezTo>
                    <a:pt x="30747" y="12737"/>
                    <a:pt x="30725" y="12704"/>
                    <a:pt x="30690" y="12698"/>
                  </a:cubicBezTo>
                  <a:lnTo>
                    <a:pt x="30668" y="12694"/>
                  </a:lnTo>
                  <a:lnTo>
                    <a:pt x="30668" y="12694"/>
                  </a:lnTo>
                  <a:cubicBezTo>
                    <a:pt x="30672" y="12695"/>
                    <a:pt x="30675" y="12695"/>
                    <a:pt x="30678" y="12695"/>
                  </a:cubicBezTo>
                  <a:cubicBezTo>
                    <a:pt x="30708" y="12695"/>
                    <a:pt x="30735" y="12674"/>
                    <a:pt x="30741" y="12643"/>
                  </a:cubicBezTo>
                  <a:cubicBezTo>
                    <a:pt x="30747" y="12609"/>
                    <a:pt x="30724" y="12576"/>
                    <a:pt x="30690" y="12570"/>
                  </a:cubicBezTo>
                  <a:lnTo>
                    <a:pt x="30668" y="12566"/>
                  </a:lnTo>
                  <a:lnTo>
                    <a:pt x="30668" y="12566"/>
                  </a:lnTo>
                  <a:cubicBezTo>
                    <a:pt x="30672" y="12566"/>
                    <a:pt x="30675" y="12567"/>
                    <a:pt x="30678" y="12567"/>
                  </a:cubicBezTo>
                  <a:cubicBezTo>
                    <a:pt x="30708" y="12567"/>
                    <a:pt x="30735" y="12546"/>
                    <a:pt x="30741" y="12516"/>
                  </a:cubicBezTo>
                  <a:cubicBezTo>
                    <a:pt x="30747" y="12482"/>
                    <a:pt x="30724" y="12449"/>
                    <a:pt x="30690" y="12442"/>
                  </a:cubicBezTo>
                  <a:lnTo>
                    <a:pt x="30669" y="12439"/>
                  </a:lnTo>
                  <a:lnTo>
                    <a:pt x="30669" y="12439"/>
                  </a:lnTo>
                  <a:cubicBezTo>
                    <a:pt x="30672" y="12439"/>
                    <a:pt x="30675" y="12440"/>
                    <a:pt x="30678" y="12440"/>
                  </a:cubicBezTo>
                  <a:cubicBezTo>
                    <a:pt x="30708" y="12440"/>
                    <a:pt x="30735" y="12419"/>
                    <a:pt x="30741" y="12388"/>
                  </a:cubicBezTo>
                  <a:cubicBezTo>
                    <a:pt x="30747" y="12354"/>
                    <a:pt x="30724" y="12321"/>
                    <a:pt x="30690" y="12315"/>
                  </a:cubicBezTo>
                  <a:lnTo>
                    <a:pt x="30668" y="12311"/>
                  </a:lnTo>
                  <a:lnTo>
                    <a:pt x="30668" y="12311"/>
                  </a:lnTo>
                  <a:cubicBezTo>
                    <a:pt x="30672" y="12311"/>
                    <a:pt x="30675" y="12311"/>
                    <a:pt x="30678" y="12311"/>
                  </a:cubicBezTo>
                  <a:cubicBezTo>
                    <a:pt x="30708" y="12311"/>
                    <a:pt x="30735" y="12291"/>
                    <a:pt x="30741" y="12260"/>
                  </a:cubicBezTo>
                  <a:cubicBezTo>
                    <a:pt x="30747" y="12226"/>
                    <a:pt x="30724" y="12193"/>
                    <a:pt x="30690" y="12187"/>
                  </a:cubicBezTo>
                  <a:lnTo>
                    <a:pt x="30668" y="12182"/>
                  </a:lnTo>
                  <a:lnTo>
                    <a:pt x="30668" y="12182"/>
                  </a:lnTo>
                  <a:cubicBezTo>
                    <a:pt x="30672" y="12183"/>
                    <a:pt x="30676" y="12183"/>
                    <a:pt x="30680" y="12183"/>
                  </a:cubicBezTo>
                  <a:cubicBezTo>
                    <a:pt x="30709" y="12183"/>
                    <a:pt x="30735" y="12163"/>
                    <a:pt x="30741" y="12133"/>
                  </a:cubicBezTo>
                  <a:cubicBezTo>
                    <a:pt x="30747" y="12099"/>
                    <a:pt x="30724" y="12066"/>
                    <a:pt x="30690" y="12059"/>
                  </a:cubicBezTo>
                  <a:lnTo>
                    <a:pt x="30668" y="12055"/>
                  </a:lnTo>
                  <a:lnTo>
                    <a:pt x="30668" y="12055"/>
                  </a:lnTo>
                  <a:cubicBezTo>
                    <a:pt x="30671" y="12056"/>
                    <a:pt x="30675" y="12056"/>
                    <a:pt x="30678" y="12056"/>
                  </a:cubicBezTo>
                  <a:cubicBezTo>
                    <a:pt x="30708" y="12056"/>
                    <a:pt x="30735" y="12035"/>
                    <a:pt x="30741" y="12005"/>
                  </a:cubicBezTo>
                  <a:cubicBezTo>
                    <a:pt x="30747" y="11971"/>
                    <a:pt x="30724" y="11937"/>
                    <a:pt x="30690" y="11931"/>
                  </a:cubicBezTo>
                  <a:lnTo>
                    <a:pt x="30668" y="11927"/>
                  </a:lnTo>
                  <a:lnTo>
                    <a:pt x="30668" y="11927"/>
                  </a:lnTo>
                  <a:cubicBezTo>
                    <a:pt x="30671" y="11928"/>
                    <a:pt x="30675" y="11928"/>
                    <a:pt x="30678" y="11928"/>
                  </a:cubicBezTo>
                  <a:cubicBezTo>
                    <a:pt x="30707" y="11928"/>
                    <a:pt x="30734" y="11907"/>
                    <a:pt x="30740" y="11877"/>
                  </a:cubicBezTo>
                  <a:cubicBezTo>
                    <a:pt x="30747" y="11843"/>
                    <a:pt x="30724" y="11810"/>
                    <a:pt x="30690" y="11803"/>
                  </a:cubicBezTo>
                  <a:lnTo>
                    <a:pt x="30670" y="11800"/>
                  </a:lnTo>
                  <a:lnTo>
                    <a:pt x="30670" y="11800"/>
                  </a:lnTo>
                  <a:cubicBezTo>
                    <a:pt x="30673" y="11801"/>
                    <a:pt x="30675" y="11801"/>
                    <a:pt x="30678" y="11801"/>
                  </a:cubicBezTo>
                  <a:cubicBezTo>
                    <a:pt x="30707" y="11801"/>
                    <a:pt x="30734" y="11780"/>
                    <a:pt x="30740" y="11749"/>
                  </a:cubicBezTo>
                  <a:cubicBezTo>
                    <a:pt x="30747" y="11715"/>
                    <a:pt x="30724" y="11682"/>
                    <a:pt x="30689" y="11676"/>
                  </a:cubicBezTo>
                  <a:lnTo>
                    <a:pt x="30667" y="11672"/>
                  </a:lnTo>
                  <a:lnTo>
                    <a:pt x="30667" y="11672"/>
                  </a:lnTo>
                  <a:cubicBezTo>
                    <a:pt x="30671" y="11672"/>
                    <a:pt x="30674" y="11673"/>
                    <a:pt x="30677" y="11673"/>
                  </a:cubicBezTo>
                  <a:cubicBezTo>
                    <a:pt x="30707" y="11673"/>
                    <a:pt x="30734" y="11652"/>
                    <a:pt x="30740" y="11621"/>
                  </a:cubicBezTo>
                  <a:cubicBezTo>
                    <a:pt x="30746" y="11587"/>
                    <a:pt x="30724" y="11554"/>
                    <a:pt x="30689" y="11548"/>
                  </a:cubicBezTo>
                  <a:lnTo>
                    <a:pt x="30667" y="11544"/>
                  </a:lnTo>
                  <a:lnTo>
                    <a:pt x="30667" y="11544"/>
                  </a:lnTo>
                  <a:cubicBezTo>
                    <a:pt x="30671" y="11544"/>
                    <a:pt x="30674" y="11544"/>
                    <a:pt x="30677" y="11544"/>
                  </a:cubicBezTo>
                  <a:cubicBezTo>
                    <a:pt x="30707" y="11544"/>
                    <a:pt x="30734" y="11524"/>
                    <a:pt x="30740" y="11494"/>
                  </a:cubicBezTo>
                  <a:cubicBezTo>
                    <a:pt x="30746" y="11460"/>
                    <a:pt x="30723" y="11427"/>
                    <a:pt x="30689" y="11421"/>
                  </a:cubicBezTo>
                  <a:lnTo>
                    <a:pt x="30667" y="11416"/>
                  </a:lnTo>
                  <a:lnTo>
                    <a:pt x="30667" y="11416"/>
                  </a:lnTo>
                  <a:cubicBezTo>
                    <a:pt x="30671" y="11417"/>
                    <a:pt x="30674" y="11417"/>
                    <a:pt x="30677" y="11417"/>
                  </a:cubicBezTo>
                  <a:cubicBezTo>
                    <a:pt x="30707" y="11417"/>
                    <a:pt x="30734" y="11397"/>
                    <a:pt x="30740" y="11366"/>
                  </a:cubicBezTo>
                  <a:cubicBezTo>
                    <a:pt x="30746" y="11332"/>
                    <a:pt x="30723" y="11299"/>
                    <a:pt x="30689" y="11292"/>
                  </a:cubicBezTo>
                  <a:lnTo>
                    <a:pt x="30667" y="11288"/>
                  </a:lnTo>
                  <a:lnTo>
                    <a:pt x="30667" y="11288"/>
                  </a:lnTo>
                  <a:cubicBezTo>
                    <a:pt x="30671" y="11289"/>
                    <a:pt x="30674" y="11289"/>
                    <a:pt x="30677" y="11289"/>
                  </a:cubicBezTo>
                  <a:cubicBezTo>
                    <a:pt x="30707" y="11289"/>
                    <a:pt x="30734" y="11268"/>
                    <a:pt x="30740" y="11238"/>
                  </a:cubicBezTo>
                  <a:cubicBezTo>
                    <a:pt x="30746" y="11204"/>
                    <a:pt x="30723" y="11170"/>
                    <a:pt x="30689" y="11164"/>
                  </a:cubicBezTo>
                  <a:lnTo>
                    <a:pt x="30667" y="11160"/>
                  </a:lnTo>
                  <a:lnTo>
                    <a:pt x="30667" y="11160"/>
                  </a:lnTo>
                  <a:cubicBezTo>
                    <a:pt x="30671" y="11161"/>
                    <a:pt x="30675" y="11161"/>
                    <a:pt x="30678" y="11161"/>
                  </a:cubicBezTo>
                  <a:cubicBezTo>
                    <a:pt x="30708" y="11161"/>
                    <a:pt x="30734" y="11140"/>
                    <a:pt x="30740" y="11110"/>
                  </a:cubicBezTo>
                  <a:cubicBezTo>
                    <a:pt x="30746" y="11076"/>
                    <a:pt x="30723" y="11043"/>
                    <a:pt x="30689" y="11037"/>
                  </a:cubicBezTo>
                  <a:lnTo>
                    <a:pt x="30667" y="11033"/>
                  </a:lnTo>
                  <a:lnTo>
                    <a:pt x="30667" y="11033"/>
                  </a:lnTo>
                  <a:cubicBezTo>
                    <a:pt x="30670" y="11033"/>
                    <a:pt x="30674" y="11034"/>
                    <a:pt x="30677" y="11034"/>
                  </a:cubicBezTo>
                  <a:cubicBezTo>
                    <a:pt x="30707" y="11034"/>
                    <a:pt x="30734" y="11013"/>
                    <a:pt x="30740" y="10982"/>
                  </a:cubicBezTo>
                  <a:cubicBezTo>
                    <a:pt x="30746" y="10948"/>
                    <a:pt x="30723" y="10915"/>
                    <a:pt x="30689" y="10909"/>
                  </a:cubicBezTo>
                  <a:lnTo>
                    <a:pt x="30667" y="10905"/>
                  </a:lnTo>
                  <a:lnTo>
                    <a:pt x="30667" y="10905"/>
                  </a:lnTo>
                  <a:cubicBezTo>
                    <a:pt x="30670" y="10905"/>
                    <a:pt x="30674" y="10906"/>
                    <a:pt x="30677" y="10906"/>
                  </a:cubicBezTo>
                  <a:cubicBezTo>
                    <a:pt x="30706" y="10906"/>
                    <a:pt x="30733" y="10885"/>
                    <a:pt x="30738" y="10855"/>
                  </a:cubicBezTo>
                  <a:cubicBezTo>
                    <a:pt x="30746" y="10820"/>
                    <a:pt x="30723" y="10788"/>
                    <a:pt x="30689" y="10781"/>
                  </a:cubicBezTo>
                  <a:lnTo>
                    <a:pt x="30667" y="10777"/>
                  </a:lnTo>
                  <a:lnTo>
                    <a:pt x="30667" y="10777"/>
                  </a:lnTo>
                  <a:cubicBezTo>
                    <a:pt x="30671" y="10777"/>
                    <a:pt x="30675" y="10778"/>
                    <a:pt x="30678" y="10778"/>
                  </a:cubicBezTo>
                  <a:cubicBezTo>
                    <a:pt x="30707" y="10778"/>
                    <a:pt x="30733" y="10757"/>
                    <a:pt x="30738" y="10727"/>
                  </a:cubicBezTo>
                  <a:cubicBezTo>
                    <a:pt x="30746" y="10693"/>
                    <a:pt x="30723" y="10660"/>
                    <a:pt x="30688" y="10654"/>
                  </a:cubicBezTo>
                  <a:lnTo>
                    <a:pt x="30666" y="10649"/>
                  </a:lnTo>
                  <a:lnTo>
                    <a:pt x="30666" y="10649"/>
                  </a:lnTo>
                  <a:cubicBezTo>
                    <a:pt x="30669" y="10650"/>
                    <a:pt x="30673" y="10650"/>
                    <a:pt x="30676" y="10650"/>
                  </a:cubicBezTo>
                  <a:cubicBezTo>
                    <a:pt x="30706" y="10650"/>
                    <a:pt x="30733" y="10630"/>
                    <a:pt x="30738" y="10599"/>
                  </a:cubicBezTo>
                  <a:cubicBezTo>
                    <a:pt x="30745" y="10565"/>
                    <a:pt x="30723" y="10532"/>
                    <a:pt x="30688" y="10525"/>
                  </a:cubicBezTo>
                  <a:lnTo>
                    <a:pt x="30666" y="10521"/>
                  </a:lnTo>
                  <a:lnTo>
                    <a:pt x="30666" y="10521"/>
                  </a:lnTo>
                  <a:cubicBezTo>
                    <a:pt x="30670" y="10522"/>
                    <a:pt x="30674" y="10522"/>
                    <a:pt x="30677" y="10522"/>
                  </a:cubicBezTo>
                  <a:cubicBezTo>
                    <a:pt x="30707" y="10522"/>
                    <a:pt x="30733" y="10501"/>
                    <a:pt x="30738" y="10472"/>
                  </a:cubicBezTo>
                  <a:cubicBezTo>
                    <a:pt x="30745" y="10438"/>
                    <a:pt x="30722" y="10404"/>
                    <a:pt x="30688" y="10398"/>
                  </a:cubicBezTo>
                  <a:lnTo>
                    <a:pt x="30666" y="10394"/>
                  </a:lnTo>
                  <a:lnTo>
                    <a:pt x="30666" y="10394"/>
                  </a:lnTo>
                  <a:cubicBezTo>
                    <a:pt x="30669" y="10395"/>
                    <a:pt x="30673" y="10395"/>
                    <a:pt x="30676" y="10395"/>
                  </a:cubicBezTo>
                  <a:cubicBezTo>
                    <a:pt x="30706" y="10395"/>
                    <a:pt x="30733" y="10374"/>
                    <a:pt x="30738" y="10343"/>
                  </a:cubicBezTo>
                  <a:cubicBezTo>
                    <a:pt x="30745" y="10309"/>
                    <a:pt x="30722" y="10276"/>
                    <a:pt x="30688" y="10270"/>
                  </a:cubicBezTo>
                  <a:lnTo>
                    <a:pt x="30666" y="10266"/>
                  </a:lnTo>
                  <a:lnTo>
                    <a:pt x="30666" y="10266"/>
                  </a:lnTo>
                  <a:cubicBezTo>
                    <a:pt x="30669" y="10266"/>
                    <a:pt x="30673" y="10267"/>
                    <a:pt x="30676" y="10267"/>
                  </a:cubicBezTo>
                  <a:cubicBezTo>
                    <a:pt x="30706" y="10267"/>
                    <a:pt x="30733" y="10246"/>
                    <a:pt x="30738" y="10216"/>
                  </a:cubicBezTo>
                  <a:cubicBezTo>
                    <a:pt x="30745" y="10181"/>
                    <a:pt x="30722" y="10149"/>
                    <a:pt x="30688" y="10142"/>
                  </a:cubicBezTo>
                  <a:lnTo>
                    <a:pt x="30667" y="10139"/>
                  </a:lnTo>
                  <a:lnTo>
                    <a:pt x="30667" y="10139"/>
                  </a:lnTo>
                  <a:cubicBezTo>
                    <a:pt x="30670" y="10139"/>
                    <a:pt x="30673" y="10140"/>
                    <a:pt x="30676" y="10140"/>
                  </a:cubicBezTo>
                  <a:cubicBezTo>
                    <a:pt x="30706" y="10140"/>
                    <a:pt x="30733" y="10119"/>
                    <a:pt x="30738" y="10088"/>
                  </a:cubicBezTo>
                  <a:cubicBezTo>
                    <a:pt x="30745" y="10054"/>
                    <a:pt x="30722" y="10021"/>
                    <a:pt x="30688" y="10015"/>
                  </a:cubicBezTo>
                  <a:lnTo>
                    <a:pt x="30666" y="10011"/>
                  </a:lnTo>
                  <a:lnTo>
                    <a:pt x="30666" y="10011"/>
                  </a:lnTo>
                  <a:cubicBezTo>
                    <a:pt x="30669" y="10011"/>
                    <a:pt x="30673" y="10011"/>
                    <a:pt x="30676" y="10011"/>
                  </a:cubicBezTo>
                  <a:cubicBezTo>
                    <a:pt x="30706" y="10011"/>
                    <a:pt x="30733" y="9991"/>
                    <a:pt x="30738" y="9960"/>
                  </a:cubicBezTo>
                  <a:cubicBezTo>
                    <a:pt x="30745" y="9926"/>
                    <a:pt x="30722" y="9894"/>
                    <a:pt x="30688" y="9887"/>
                  </a:cubicBezTo>
                  <a:lnTo>
                    <a:pt x="30666" y="9882"/>
                  </a:lnTo>
                  <a:lnTo>
                    <a:pt x="30666" y="9882"/>
                  </a:lnTo>
                  <a:cubicBezTo>
                    <a:pt x="30669" y="9883"/>
                    <a:pt x="30673" y="9883"/>
                    <a:pt x="30676" y="9883"/>
                  </a:cubicBezTo>
                  <a:cubicBezTo>
                    <a:pt x="30705" y="9883"/>
                    <a:pt x="30733" y="9863"/>
                    <a:pt x="30738" y="9833"/>
                  </a:cubicBezTo>
                  <a:cubicBezTo>
                    <a:pt x="30745" y="9799"/>
                    <a:pt x="30722" y="9766"/>
                    <a:pt x="30688" y="9759"/>
                  </a:cubicBezTo>
                  <a:lnTo>
                    <a:pt x="30666" y="9755"/>
                  </a:lnTo>
                  <a:lnTo>
                    <a:pt x="30666" y="9755"/>
                  </a:lnTo>
                  <a:cubicBezTo>
                    <a:pt x="30669" y="9756"/>
                    <a:pt x="30673" y="9756"/>
                    <a:pt x="30676" y="9756"/>
                  </a:cubicBezTo>
                  <a:cubicBezTo>
                    <a:pt x="30705" y="9756"/>
                    <a:pt x="30732" y="9735"/>
                    <a:pt x="30737" y="9705"/>
                  </a:cubicBezTo>
                  <a:cubicBezTo>
                    <a:pt x="30745" y="9671"/>
                    <a:pt x="30722" y="9637"/>
                    <a:pt x="30688" y="9631"/>
                  </a:cubicBezTo>
                  <a:lnTo>
                    <a:pt x="30666" y="9627"/>
                  </a:lnTo>
                  <a:lnTo>
                    <a:pt x="30666" y="9627"/>
                  </a:lnTo>
                  <a:cubicBezTo>
                    <a:pt x="30669" y="9628"/>
                    <a:pt x="30673" y="9628"/>
                    <a:pt x="30676" y="9628"/>
                  </a:cubicBezTo>
                  <a:cubicBezTo>
                    <a:pt x="30705" y="9628"/>
                    <a:pt x="30732" y="9607"/>
                    <a:pt x="30737" y="9578"/>
                  </a:cubicBezTo>
                  <a:cubicBezTo>
                    <a:pt x="30745" y="9543"/>
                    <a:pt x="30722" y="9510"/>
                    <a:pt x="30687" y="9504"/>
                  </a:cubicBezTo>
                  <a:lnTo>
                    <a:pt x="30665" y="9500"/>
                  </a:lnTo>
                  <a:lnTo>
                    <a:pt x="30665" y="9500"/>
                  </a:lnTo>
                  <a:cubicBezTo>
                    <a:pt x="30668" y="9501"/>
                    <a:pt x="30672" y="9501"/>
                    <a:pt x="30675" y="9501"/>
                  </a:cubicBezTo>
                  <a:cubicBezTo>
                    <a:pt x="30705" y="9501"/>
                    <a:pt x="30732" y="9480"/>
                    <a:pt x="30737" y="9449"/>
                  </a:cubicBezTo>
                  <a:cubicBezTo>
                    <a:pt x="30744" y="9415"/>
                    <a:pt x="30722" y="9382"/>
                    <a:pt x="30687" y="9376"/>
                  </a:cubicBezTo>
                  <a:lnTo>
                    <a:pt x="30665" y="9372"/>
                  </a:lnTo>
                  <a:lnTo>
                    <a:pt x="30665" y="9372"/>
                  </a:lnTo>
                  <a:cubicBezTo>
                    <a:pt x="30668" y="9372"/>
                    <a:pt x="30672" y="9373"/>
                    <a:pt x="30675" y="9373"/>
                  </a:cubicBezTo>
                  <a:cubicBezTo>
                    <a:pt x="30705" y="9373"/>
                    <a:pt x="30732" y="9352"/>
                    <a:pt x="30737" y="9321"/>
                  </a:cubicBezTo>
                  <a:cubicBezTo>
                    <a:pt x="30744" y="9287"/>
                    <a:pt x="30721" y="9254"/>
                    <a:pt x="30687" y="9248"/>
                  </a:cubicBezTo>
                  <a:lnTo>
                    <a:pt x="30665" y="9244"/>
                  </a:lnTo>
                  <a:lnTo>
                    <a:pt x="30665" y="9244"/>
                  </a:lnTo>
                  <a:cubicBezTo>
                    <a:pt x="30669" y="9244"/>
                    <a:pt x="30673" y="9245"/>
                    <a:pt x="30676" y="9245"/>
                  </a:cubicBezTo>
                  <a:cubicBezTo>
                    <a:pt x="30706" y="9245"/>
                    <a:pt x="30732" y="9223"/>
                    <a:pt x="30737" y="9194"/>
                  </a:cubicBezTo>
                  <a:cubicBezTo>
                    <a:pt x="30744" y="9160"/>
                    <a:pt x="30721" y="9127"/>
                    <a:pt x="30687" y="9121"/>
                  </a:cubicBezTo>
                  <a:lnTo>
                    <a:pt x="30665" y="9117"/>
                  </a:lnTo>
                  <a:lnTo>
                    <a:pt x="30665" y="9117"/>
                  </a:lnTo>
                  <a:cubicBezTo>
                    <a:pt x="30668" y="9117"/>
                    <a:pt x="30672" y="9117"/>
                    <a:pt x="30675" y="9117"/>
                  </a:cubicBezTo>
                  <a:cubicBezTo>
                    <a:pt x="30705" y="9117"/>
                    <a:pt x="30732" y="9097"/>
                    <a:pt x="30737" y="9066"/>
                  </a:cubicBezTo>
                  <a:cubicBezTo>
                    <a:pt x="30744" y="9032"/>
                    <a:pt x="30721" y="8999"/>
                    <a:pt x="30687" y="8992"/>
                  </a:cubicBezTo>
                  <a:lnTo>
                    <a:pt x="30665" y="8988"/>
                  </a:lnTo>
                  <a:lnTo>
                    <a:pt x="30665" y="8988"/>
                  </a:lnTo>
                  <a:cubicBezTo>
                    <a:pt x="30668" y="8989"/>
                    <a:pt x="30672" y="8989"/>
                    <a:pt x="30675" y="8989"/>
                  </a:cubicBezTo>
                  <a:cubicBezTo>
                    <a:pt x="30705" y="8989"/>
                    <a:pt x="30732" y="8969"/>
                    <a:pt x="30737" y="8939"/>
                  </a:cubicBezTo>
                  <a:cubicBezTo>
                    <a:pt x="30744" y="8904"/>
                    <a:pt x="30721" y="8872"/>
                    <a:pt x="30687" y="8864"/>
                  </a:cubicBezTo>
                  <a:lnTo>
                    <a:pt x="30665" y="8860"/>
                  </a:lnTo>
                  <a:lnTo>
                    <a:pt x="30665" y="8860"/>
                  </a:lnTo>
                  <a:cubicBezTo>
                    <a:pt x="30669" y="8861"/>
                    <a:pt x="30673" y="8861"/>
                    <a:pt x="30676" y="8861"/>
                  </a:cubicBezTo>
                  <a:cubicBezTo>
                    <a:pt x="30705" y="8861"/>
                    <a:pt x="30732" y="8841"/>
                    <a:pt x="30736" y="8811"/>
                  </a:cubicBezTo>
                  <a:cubicBezTo>
                    <a:pt x="30744" y="8776"/>
                    <a:pt x="30721" y="8743"/>
                    <a:pt x="30687" y="8737"/>
                  </a:cubicBezTo>
                  <a:lnTo>
                    <a:pt x="30665" y="8733"/>
                  </a:lnTo>
                  <a:lnTo>
                    <a:pt x="30665" y="8733"/>
                  </a:lnTo>
                  <a:cubicBezTo>
                    <a:pt x="30668" y="8734"/>
                    <a:pt x="30672" y="8734"/>
                    <a:pt x="30675" y="8734"/>
                  </a:cubicBezTo>
                  <a:cubicBezTo>
                    <a:pt x="30704" y="8734"/>
                    <a:pt x="30731" y="8713"/>
                    <a:pt x="30736" y="8682"/>
                  </a:cubicBezTo>
                  <a:cubicBezTo>
                    <a:pt x="30744" y="8648"/>
                    <a:pt x="30721" y="8615"/>
                    <a:pt x="30686" y="8609"/>
                  </a:cubicBezTo>
                  <a:lnTo>
                    <a:pt x="30664" y="8605"/>
                  </a:lnTo>
                  <a:lnTo>
                    <a:pt x="30664" y="8605"/>
                  </a:lnTo>
                  <a:cubicBezTo>
                    <a:pt x="30667" y="8605"/>
                    <a:pt x="30671" y="8606"/>
                    <a:pt x="30674" y="8606"/>
                  </a:cubicBezTo>
                  <a:cubicBezTo>
                    <a:pt x="30704" y="8606"/>
                    <a:pt x="30731" y="8585"/>
                    <a:pt x="30736" y="8555"/>
                  </a:cubicBezTo>
                  <a:cubicBezTo>
                    <a:pt x="30743" y="8521"/>
                    <a:pt x="30721" y="8488"/>
                    <a:pt x="30686" y="8482"/>
                  </a:cubicBezTo>
                  <a:lnTo>
                    <a:pt x="30664" y="8478"/>
                  </a:lnTo>
                  <a:lnTo>
                    <a:pt x="30664" y="8478"/>
                  </a:lnTo>
                  <a:cubicBezTo>
                    <a:pt x="30667" y="8478"/>
                    <a:pt x="30671" y="8478"/>
                    <a:pt x="30674" y="8478"/>
                  </a:cubicBezTo>
                  <a:cubicBezTo>
                    <a:pt x="30704" y="8478"/>
                    <a:pt x="30731" y="8458"/>
                    <a:pt x="30736" y="8427"/>
                  </a:cubicBezTo>
                  <a:cubicBezTo>
                    <a:pt x="30743" y="8393"/>
                    <a:pt x="30720" y="8360"/>
                    <a:pt x="30686" y="8354"/>
                  </a:cubicBezTo>
                  <a:lnTo>
                    <a:pt x="30664" y="8350"/>
                  </a:lnTo>
                  <a:lnTo>
                    <a:pt x="30664" y="8350"/>
                  </a:lnTo>
                  <a:cubicBezTo>
                    <a:pt x="30667" y="8350"/>
                    <a:pt x="30671" y="8350"/>
                    <a:pt x="30674" y="8350"/>
                  </a:cubicBezTo>
                  <a:cubicBezTo>
                    <a:pt x="30704" y="8350"/>
                    <a:pt x="30731" y="8330"/>
                    <a:pt x="30736" y="8299"/>
                  </a:cubicBezTo>
                  <a:cubicBezTo>
                    <a:pt x="30743" y="8265"/>
                    <a:pt x="30720" y="8232"/>
                    <a:pt x="30686" y="8225"/>
                  </a:cubicBezTo>
                  <a:lnTo>
                    <a:pt x="30664" y="8221"/>
                  </a:lnTo>
                  <a:lnTo>
                    <a:pt x="30664" y="8221"/>
                  </a:lnTo>
                  <a:cubicBezTo>
                    <a:pt x="30668" y="8222"/>
                    <a:pt x="30672" y="8222"/>
                    <a:pt x="30676" y="8222"/>
                  </a:cubicBezTo>
                  <a:cubicBezTo>
                    <a:pt x="30705" y="8222"/>
                    <a:pt x="30731" y="8202"/>
                    <a:pt x="30736" y="8172"/>
                  </a:cubicBezTo>
                  <a:cubicBezTo>
                    <a:pt x="30743" y="8138"/>
                    <a:pt x="30720" y="8105"/>
                    <a:pt x="30686" y="8098"/>
                  </a:cubicBezTo>
                  <a:lnTo>
                    <a:pt x="30664" y="8094"/>
                  </a:lnTo>
                  <a:lnTo>
                    <a:pt x="30664" y="8094"/>
                  </a:lnTo>
                  <a:cubicBezTo>
                    <a:pt x="30667" y="8095"/>
                    <a:pt x="30671" y="8095"/>
                    <a:pt x="30674" y="8095"/>
                  </a:cubicBezTo>
                  <a:cubicBezTo>
                    <a:pt x="30704" y="8095"/>
                    <a:pt x="30731" y="8074"/>
                    <a:pt x="30736" y="8044"/>
                  </a:cubicBezTo>
                  <a:cubicBezTo>
                    <a:pt x="30743" y="8009"/>
                    <a:pt x="30720" y="7976"/>
                    <a:pt x="30686" y="7970"/>
                  </a:cubicBezTo>
                  <a:lnTo>
                    <a:pt x="30664" y="7966"/>
                  </a:lnTo>
                  <a:lnTo>
                    <a:pt x="30664" y="7966"/>
                  </a:lnTo>
                  <a:cubicBezTo>
                    <a:pt x="30667" y="7967"/>
                    <a:pt x="30671" y="7967"/>
                    <a:pt x="30674" y="7967"/>
                  </a:cubicBezTo>
                  <a:cubicBezTo>
                    <a:pt x="30703" y="7967"/>
                    <a:pt x="30731" y="7946"/>
                    <a:pt x="30736" y="7916"/>
                  </a:cubicBezTo>
                  <a:cubicBezTo>
                    <a:pt x="30743" y="7882"/>
                    <a:pt x="30720" y="7849"/>
                    <a:pt x="30686" y="7843"/>
                  </a:cubicBezTo>
                  <a:lnTo>
                    <a:pt x="30664" y="7839"/>
                  </a:lnTo>
                  <a:lnTo>
                    <a:pt x="30664" y="7839"/>
                  </a:lnTo>
                  <a:cubicBezTo>
                    <a:pt x="30667" y="7839"/>
                    <a:pt x="30670" y="7839"/>
                    <a:pt x="30672" y="7839"/>
                  </a:cubicBezTo>
                  <a:cubicBezTo>
                    <a:pt x="30686" y="7839"/>
                    <a:pt x="30699" y="7835"/>
                    <a:pt x="30711" y="7828"/>
                  </a:cubicBezTo>
                  <a:lnTo>
                    <a:pt x="30825" y="7828"/>
                  </a:lnTo>
                  <a:cubicBezTo>
                    <a:pt x="30825" y="7829"/>
                    <a:pt x="30824" y="7830"/>
                    <a:pt x="30824" y="7831"/>
                  </a:cubicBezTo>
                  <a:cubicBezTo>
                    <a:pt x="30817" y="7865"/>
                    <a:pt x="30840" y="7898"/>
                    <a:pt x="30874" y="7904"/>
                  </a:cubicBezTo>
                  <a:lnTo>
                    <a:pt x="30896" y="7908"/>
                  </a:lnTo>
                  <a:cubicBezTo>
                    <a:pt x="30892" y="7908"/>
                    <a:pt x="30889" y="7907"/>
                    <a:pt x="30886" y="7907"/>
                  </a:cubicBezTo>
                  <a:cubicBezTo>
                    <a:pt x="30856" y="7907"/>
                    <a:pt x="30830" y="7928"/>
                    <a:pt x="30823" y="7958"/>
                  </a:cubicBezTo>
                  <a:cubicBezTo>
                    <a:pt x="30818" y="7986"/>
                    <a:pt x="30835" y="8008"/>
                    <a:pt x="30858" y="8022"/>
                  </a:cubicBezTo>
                  <a:cubicBezTo>
                    <a:pt x="30834" y="8031"/>
                    <a:pt x="30814" y="8052"/>
                    <a:pt x="30815" y="8080"/>
                  </a:cubicBezTo>
                  <a:cubicBezTo>
                    <a:pt x="30817" y="8114"/>
                    <a:pt x="30846" y="8133"/>
                    <a:pt x="30875" y="8152"/>
                  </a:cubicBezTo>
                  <a:lnTo>
                    <a:pt x="30891" y="8158"/>
                  </a:lnTo>
                  <a:cubicBezTo>
                    <a:pt x="30940" y="8183"/>
                    <a:pt x="30988" y="8189"/>
                    <a:pt x="31039" y="8189"/>
                  </a:cubicBezTo>
                  <a:cubicBezTo>
                    <a:pt x="31056" y="8189"/>
                    <a:pt x="31074" y="8188"/>
                    <a:pt x="31092" y="8187"/>
                  </a:cubicBezTo>
                  <a:cubicBezTo>
                    <a:pt x="31099" y="8187"/>
                    <a:pt x="31105" y="8187"/>
                    <a:pt x="31112" y="8186"/>
                  </a:cubicBezTo>
                  <a:cubicBezTo>
                    <a:pt x="31178" y="8183"/>
                    <a:pt x="31245" y="8170"/>
                    <a:pt x="31302" y="8137"/>
                  </a:cubicBezTo>
                  <a:lnTo>
                    <a:pt x="31319" y="8126"/>
                  </a:lnTo>
                  <a:cubicBezTo>
                    <a:pt x="31333" y="8116"/>
                    <a:pt x="31342" y="8109"/>
                    <a:pt x="31349" y="8102"/>
                  </a:cubicBezTo>
                  <a:cubicBezTo>
                    <a:pt x="31351" y="8101"/>
                    <a:pt x="31352" y="8099"/>
                    <a:pt x="31354" y="8098"/>
                  </a:cubicBezTo>
                  <a:cubicBezTo>
                    <a:pt x="31368" y="8086"/>
                    <a:pt x="31372" y="8078"/>
                    <a:pt x="31375" y="8064"/>
                  </a:cubicBezTo>
                  <a:cubicBezTo>
                    <a:pt x="31376" y="8063"/>
                    <a:pt x="31377" y="8063"/>
                    <a:pt x="31377" y="8061"/>
                  </a:cubicBezTo>
                  <a:cubicBezTo>
                    <a:pt x="31378" y="8060"/>
                    <a:pt x="31377" y="8059"/>
                    <a:pt x="31377" y="8058"/>
                  </a:cubicBezTo>
                  <a:cubicBezTo>
                    <a:pt x="31377" y="8056"/>
                    <a:pt x="31378" y="8055"/>
                    <a:pt x="31378" y="8053"/>
                  </a:cubicBezTo>
                  <a:cubicBezTo>
                    <a:pt x="31378" y="8049"/>
                    <a:pt x="31374" y="8047"/>
                    <a:pt x="31374" y="8043"/>
                  </a:cubicBezTo>
                  <a:cubicBezTo>
                    <a:pt x="31370" y="8017"/>
                    <a:pt x="31355" y="7993"/>
                    <a:pt x="31328" y="7988"/>
                  </a:cubicBezTo>
                  <a:lnTo>
                    <a:pt x="31306" y="7984"/>
                  </a:lnTo>
                  <a:lnTo>
                    <a:pt x="31306" y="7984"/>
                  </a:lnTo>
                  <a:cubicBezTo>
                    <a:pt x="31309" y="7984"/>
                    <a:pt x="31313" y="7984"/>
                    <a:pt x="31316" y="7984"/>
                  </a:cubicBezTo>
                  <a:cubicBezTo>
                    <a:pt x="31345" y="7984"/>
                    <a:pt x="31372" y="7964"/>
                    <a:pt x="31377" y="7934"/>
                  </a:cubicBezTo>
                  <a:cubicBezTo>
                    <a:pt x="31385" y="7900"/>
                    <a:pt x="31362" y="7867"/>
                    <a:pt x="31328" y="7860"/>
                  </a:cubicBezTo>
                  <a:lnTo>
                    <a:pt x="31306" y="7856"/>
                  </a:lnTo>
                  <a:lnTo>
                    <a:pt x="31306" y="7856"/>
                  </a:lnTo>
                  <a:cubicBezTo>
                    <a:pt x="31308" y="7857"/>
                    <a:pt x="31311" y="7857"/>
                    <a:pt x="31313" y="7857"/>
                  </a:cubicBezTo>
                  <a:cubicBezTo>
                    <a:pt x="31335" y="7857"/>
                    <a:pt x="31352" y="7844"/>
                    <a:pt x="31364" y="7828"/>
                  </a:cubicBezTo>
                  <a:lnTo>
                    <a:pt x="31488" y="7828"/>
                  </a:lnTo>
                  <a:cubicBezTo>
                    <a:pt x="31487" y="7829"/>
                    <a:pt x="31486" y="7830"/>
                    <a:pt x="31486" y="7831"/>
                  </a:cubicBezTo>
                  <a:cubicBezTo>
                    <a:pt x="31480" y="7865"/>
                    <a:pt x="31501" y="7898"/>
                    <a:pt x="31536" y="7904"/>
                  </a:cubicBezTo>
                  <a:lnTo>
                    <a:pt x="31558" y="7908"/>
                  </a:lnTo>
                  <a:cubicBezTo>
                    <a:pt x="31555" y="7908"/>
                    <a:pt x="31551" y="7907"/>
                    <a:pt x="31548" y="7907"/>
                  </a:cubicBezTo>
                  <a:cubicBezTo>
                    <a:pt x="31518" y="7907"/>
                    <a:pt x="31491" y="7928"/>
                    <a:pt x="31486" y="7958"/>
                  </a:cubicBezTo>
                  <a:cubicBezTo>
                    <a:pt x="31481" y="7986"/>
                    <a:pt x="31497" y="8008"/>
                    <a:pt x="31520" y="8021"/>
                  </a:cubicBezTo>
                  <a:cubicBezTo>
                    <a:pt x="31495" y="8031"/>
                    <a:pt x="31475" y="8051"/>
                    <a:pt x="31478" y="8079"/>
                  </a:cubicBezTo>
                  <a:cubicBezTo>
                    <a:pt x="31479" y="8114"/>
                    <a:pt x="31508" y="8133"/>
                    <a:pt x="31538" y="8152"/>
                  </a:cubicBezTo>
                  <a:lnTo>
                    <a:pt x="31553" y="8158"/>
                  </a:lnTo>
                  <a:cubicBezTo>
                    <a:pt x="31602" y="8183"/>
                    <a:pt x="31649" y="8189"/>
                    <a:pt x="31701" y="8189"/>
                  </a:cubicBezTo>
                  <a:cubicBezTo>
                    <a:pt x="31718" y="8189"/>
                    <a:pt x="31736" y="8188"/>
                    <a:pt x="31755" y="8187"/>
                  </a:cubicBezTo>
                  <a:cubicBezTo>
                    <a:pt x="31761" y="8187"/>
                    <a:pt x="31767" y="8186"/>
                    <a:pt x="31773" y="8186"/>
                  </a:cubicBezTo>
                  <a:cubicBezTo>
                    <a:pt x="31840" y="8183"/>
                    <a:pt x="31907" y="8170"/>
                    <a:pt x="31964" y="8137"/>
                  </a:cubicBezTo>
                  <a:lnTo>
                    <a:pt x="31982" y="8126"/>
                  </a:lnTo>
                  <a:cubicBezTo>
                    <a:pt x="31994" y="8116"/>
                    <a:pt x="32005" y="8109"/>
                    <a:pt x="32012" y="8102"/>
                  </a:cubicBezTo>
                  <a:cubicBezTo>
                    <a:pt x="32013" y="8101"/>
                    <a:pt x="32014" y="8099"/>
                    <a:pt x="32016" y="8098"/>
                  </a:cubicBezTo>
                  <a:cubicBezTo>
                    <a:pt x="32030" y="8086"/>
                    <a:pt x="32035" y="8078"/>
                    <a:pt x="32038" y="8064"/>
                  </a:cubicBezTo>
                  <a:cubicBezTo>
                    <a:pt x="32038" y="8063"/>
                    <a:pt x="32040" y="8063"/>
                    <a:pt x="32040" y="8061"/>
                  </a:cubicBezTo>
                  <a:cubicBezTo>
                    <a:pt x="32040" y="8060"/>
                    <a:pt x="32039" y="8059"/>
                    <a:pt x="32039" y="8058"/>
                  </a:cubicBezTo>
                  <a:cubicBezTo>
                    <a:pt x="32040" y="8056"/>
                    <a:pt x="32040" y="8055"/>
                    <a:pt x="32041" y="8053"/>
                  </a:cubicBezTo>
                  <a:cubicBezTo>
                    <a:pt x="32040" y="8049"/>
                    <a:pt x="32037" y="8047"/>
                    <a:pt x="32036" y="8043"/>
                  </a:cubicBezTo>
                  <a:cubicBezTo>
                    <a:pt x="32033" y="8017"/>
                    <a:pt x="32017" y="7993"/>
                    <a:pt x="31989" y="7988"/>
                  </a:cubicBezTo>
                  <a:lnTo>
                    <a:pt x="31968" y="7984"/>
                  </a:lnTo>
                  <a:lnTo>
                    <a:pt x="31968" y="7984"/>
                  </a:lnTo>
                  <a:cubicBezTo>
                    <a:pt x="31971" y="7984"/>
                    <a:pt x="31974" y="7984"/>
                    <a:pt x="31978" y="7984"/>
                  </a:cubicBezTo>
                  <a:cubicBezTo>
                    <a:pt x="32008" y="7984"/>
                    <a:pt x="32034" y="7964"/>
                    <a:pt x="32040" y="7934"/>
                  </a:cubicBezTo>
                  <a:cubicBezTo>
                    <a:pt x="32046" y="7900"/>
                    <a:pt x="32023" y="7867"/>
                    <a:pt x="31989" y="7860"/>
                  </a:cubicBezTo>
                  <a:lnTo>
                    <a:pt x="31969" y="7856"/>
                  </a:lnTo>
                  <a:lnTo>
                    <a:pt x="31969" y="7856"/>
                  </a:lnTo>
                  <a:cubicBezTo>
                    <a:pt x="31971" y="7857"/>
                    <a:pt x="31973" y="7857"/>
                    <a:pt x="31975" y="7857"/>
                  </a:cubicBezTo>
                  <a:cubicBezTo>
                    <a:pt x="31996" y="7857"/>
                    <a:pt x="32014" y="7844"/>
                    <a:pt x="32026" y="7828"/>
                  </a:cubicBezTo>
                  <a:lnTo>
                    <a:pt x="32149" y="7828"/>
                  </a:lnTo>
                  <a:cubicBezTo>
                    <a:pt x="32149" y="7829"/>
                    <a:pt x="32148" y="7830"/>
                    <a:pt x="32147" y="7831"/>
                  </a:cubicBezTo>
                  <a:cubicBezTo>
                    <a:pt x="32141" y="7865"/>
                    <a:pt x="32164" y="7898"/>
                    <a:pt x="32198" y="7904"/>
                  </a:cubicBezTo>
                  <a:lnTo>
                    <a:pt x="32220" y="7908"/>
                  </a:lnTo>
                  <a:cubicBezTo>
                    <a:pt x="32216" y="7908"/>
                    <a:pt x="32213" y="7907"/>
                    <a:pt x="32210" y="7907"/>
                  </a:cubicBezTo>
                  <a:cubicBezTo>
                    <a:pt x="32180" y="7907"/>
                    <a:pt x="32153" y="7928"/>
                    <a:pt x="32147" y="7958"/>
                  </a:cubicBezTo>
                  <a:cubicBezTo>
                    <a:pt x="32142" y="7986"/>
                    <a:pt x="32159" y="8008"/>
                    <a:pt x="32183" y="8021"/>
                  </a:cubicBezTo>
                  <a:cubicBezTo>
                    <a:pt x="32158" y="8031"/>
                    <a:pt x="32138" y="8051"/>
                    <a:pt x="32139" y="8079"/>
                  </a:cubicBezTo>
                  <a:cubicBezTo>
                    <a:pt x="32141" y="8114"/>
                    <a:pt x="32169" y="8133"/>
                    <a:pt x="32199" y="8152"/>
                  </a:cubicBezTo>
                  <a:lnTo>
                    <a:pt x="32215" y="8158"/>
                  </a:lnTo>
                  <a:cubicBezTo>
                    <a:pt x="32264" y="8183"/>
                    <a:pt x="32312" y="8189"/>
                    <a:pt x="32363" y="8189"/>
                  </a:cubicBezTo>
                  <a:cubicBezTo>
                    <a:pt x="32380" y="8189"/>
                    <a:pt x="32398" y="8188"/>
                    <a:pt x="32416" y="8187"/>
                  </a:cubicBezTo>
                  <a:cubicBezTo>
                    <a:pt x="32423" y="8187"/>
                    <a:pt x="32430" y="8186"/>
                    <a:pt x="32436" y="8186"/>
                  </a:cubicBezTo>
                  <a:cubicBezTo>
                    <a:pt x="32502" y="8183"/>
                    <a:pt x="32568" y="8170"/>
                    <a:pt x="32626" y="8137"/>
                  </a:cubicBezTo>
                  <a:lnTo>
                    <a:pt x="32644" y="8126"/>
                  </a:lnTo>
                  <a:cubicBezTo>
                    <a:pt x="32657" y="8116"/>
                    <a:pt x="32666" y="8109"/>
                    <a:pt x="32674" y="8102"/>
                  </a:cubicBezTo>
                  <a:cubicBezTo>
                    <a:pt x="32676" y="8101"/>
                    <a:pt x="32676" y="8099"/>
                    <a:pt x="32678" y="8098"/>
                  </a:cubicBezTo>
                  <a:cubicBezTo>
                    <a:pt x="32692" y="8086"/>
                    <a:pt x="32696" y="8078"/>
                    <a:pt x="32699" y="8064"/>
                  </a:cubicBezTo>
                  <a:cubicBezTo>
                    <a:pt x="32700" y="8063"/>
                    <a:pt x="32701" y="8063"/>
                    <a:pt x="32701" y="8061"/>
                  </a:cubicBezTo>
                  <a:cubicBezTo>
                    <a:pt x="32701" y="8060"/>
                    <a:pt x="32700" y="8059"/>
                    <a:pt x="32701" y="8058"/>
                  </a:cubicBezTo>
                  <a:cubicBezTo>
                    <a:pt x="32701" y="8056"/>
                    <a:pt x="32701" y="8055"/>
                    <a:pt x="32702" y="8053"/>
                  </a:cubicBezTo>
                  <a:cubicBezTo>
                    <a:pt x="32702" y="8049"/>
                    <a:pt x="32698" y="8047"/>
                    <a:pt x="32697" y="8043"/>
                  </a:cubicBezTo>
                  <a:cubicBezTo>
                    <a:pt x="32694" y="8017"/>
                    <a:pt x="32679" y="7993"/>
                    <a:pt x="32651" y="7988"/>
                  </a:cubicBezTo>
                  <a:lnTo>
                    <a:pt x="32629" y="7984"/>
                  </a:lnTo>
                  <a:lnTo>
                    <a:pt x="32629" y="7984"/>
                  </a:lnTo>
                  <a:cubicBezTo>
                    <a:pt x="32632" y="7984"/>
                    <a:pt x="32636" y="7984"/>
                    <a:pt x="32639" y="7984"/>
                  </a:cubicBezTo>
                  <a:cubicBezTo>
                    <a:pt x="32669" y="7984"/>
                    <a:pt x="32696" y="7964"/>
                    <a:pt x="32701" y="7934"/>
                  </a:cubicBezTo>
                  <a:cubicBezTo>
                    <a:pt x="32708" y="7900"/>
                    <a:pt x="32685" y="7867"/>
                    <a:pt x="32651" y="7860"/>
                  </a:cubicBezTo>
                  <a:lnTo>
                    <a:pt x="32630" y="7856"/>
                  </a:lnTo>
                  <a:lnTo>
                    <a:pt x="32630" y="7856"/>
                  </a:lnTo>
                  <a:cubicBezTo>
                    <a:pt x="32633" y="7857"/>
                    <a:pt x="32635" y="7857"/>
                    <a:pt x="32637" y="7857"/>
                  </a:cubicBezTo>
                  <a:cubicBezTo>
                    <a:pt x="32658" y="7857"/>
                    <a:pt x="32676" y="7845"/>
                    <a:pt x="32688" y="7828"/>
                  </a:cubicBezTo>
                  <a:lnTo>
                    <a:pt x="32811" y="7828"/>
                  </a:lnTo>
                  <a:cubicBezTo>
                    <a:pt x="32811" y="7829"/>
                    <a:pt x="32810" y="7830"/>
                    <a:pt x="32809" y="7831"/>
                  </a:cubicBezTo>
                  <a:cubicBezTo>
                    <a:pt x="32803" y="7865"/>
                    <a:pt x="32825" y="7898"/>
                    <a:pt x="32860" y="7904"/>
                  </a:cubicBezTo>
                  <a:lnTo>
                    <a:pt x="32881" y="7908"/>
                  </a:lnTo>
                  <a:cubicBezTo>
                    <a:pt x="32878" y="7908"/>
                    <a:pt x="32875" y="7907"/>
                    <a:pt x="32871" y="7907"/>
                  </a:cubicBezTo>
                  <a:cubicBezTo>
                    <a:pt x="32841" y="7907"/>
                    <a:pt x="32815" y="7928"/>
                    <a:pt x="32809" y="7958"/>
                  </a:cubicBezTo>
                  <a:cubicBezTo>
                    <a:pt x="32804" y="7986"/>
                    <a:pt x="32820" y="8008"/>
                    <a:pt x="32844" y="8022"/>
                  </a:cubicBezTo>
                  <a:cubicBezTo>
                    <a:pt x="32819" y="8031"/>
                    <a:pt x="32800" y="8052"/>
                    <a:pt x="32801" y="8080"/>
                  </a:cubicBezTo>
                  <a:cubicBezTo>
                    <a:pt x="32803" y="8114"/>
                    <a:pt x="32831" y="8133"/>
                    <a:pt x="32861" y="8152"/>
                  </a:cubicBezTo>
                  <a:lnTo>
                    <a:pt x="32876" y="8158"/>
                  </a:lnTo>
                  <a:cubicBezTo>
                    <a:pt x="32926" y="8183"/>
                    <a:pt x="32973" y="8189"/>
                    <a:pt x="33024" y="8189"/>
                  </a:cubicBezTo>
                  <a:cubicBezTo>
                    <a:pt x="33041" y="8189"/>
                    <a:pt x="33059" y="8188"/>
                    <a:pt x="33078" y="8187"/>
                  </a:cubicBezTo>
                  <a:cubicBezTo>
                    <a:pt x="33085" y="8187"/>
                    <a:pt x="33091" y="8187"/>
                    <a:pt x="33097" y="8186"/>
                  </a:cubicBezTo>
                  <a:cubicBezTo>
                    <a:pt x="33163" y="8183"/>
                    <a:pt x="33231" y="8170"/>
                    <a:pt x="33288" y="8138"/>
                  </a:cubicBezTo>
                  <a:lnTo>
                    <a:pt x="33305" y="8126"/>
                  </a:lnTo>
                  <a:cubicBezTo>
                    <a:pt x="33319" y="8116"/>
                    <a:pt x="33328" y="8109"/>
                    <a:pt x="33335" y="8102"/>
                  </a:cubicBezTo>
                  <a:cubicBezTo>
                    <a:pt x="33337" y="8101"/>
                    <a:pt x="33338" y="8099"/>
                    <a:pt x="33339" y="8098"/>
                  </a:cubicBezTo>
                  <a:cubicBezTo>
                    <a:pt x="33354" y="8086"/>
                    <a:pt x="33358" y="8078"/>
                    <a:pt x="33361" y="8065"/>
                  </a:cubicBezTo>
                  <a:cubicBezTo>
                    <a:pt x="33362" y="8063"/>
                    <a:pt x="33363" y="8063"/>
                    <a:pt x="33363" y="8061"/>
                  </a:cubicBezTo>
                  <a:cubicBezTo>
                    <a:pt x="33364" y="8060"/>
                    <a:pt x="33363" y="8059"/>
                    <a:pt x="33363" y="8058"/>
                  </a:cubicBezTo>
                  <a:cubicBezTo>
                    <a:pt x="33363" y="8056"/>
                    <a:pt x="33364" y="8055"/>
                    <a:pt x="33364" y="8053"/>
                  </a:cubicBezTo>
                  <a:cubicBezTo>
                    <a:pt x="33364" y="8049"/>
                    <a:pt x="33360" y="8047"/>
                    <a:pt x="33360" y="8043"/>
                  </a:cubicBezTo>
                  <a:cubicBezTo>
                    <a:pt x="33356" y="8017"/>
                    <a:pt x="33340" y="7993"/>
                    <a:pt x="33313" y="7988"/>
                  </a:cubicBezTo>
                  <a:lnTo>
                    <a:pt x="33292" y="7984"/>
                  </a:lnTo>
                  <a:lnTo>
                    <a:pt x="33292" y="7984"/>
                  </a:lnTo>
                  <a:cubicBezTo>
                    <a:pt x="33295" y="7984"/>
                    <a:pt x="33298" y="7984"/>
                    <a:pt x="33301" y="7984"/>
                  </a:cubicBezTo>
                  <a:cubicBezTo>
                    <a:pt x="33331" y="7984"/>
                    <a:pt x="33358" y="7964"/>
                    <a:pt x="33364" y="7934"/>
                  </a:cubicBezTo>
                  <a:cubicBezTo>
                    <a:pt x="33370" y="7900"/>
                    <a:pt x="33347" y="7867"/>
                    <a:pt x="33313" y="7860"/>
                  </a:cubicBezTo>
                  <a:lnTo>
                    <a:pt x="33292" y="7856"/>
                  </a:lnTo>
                  <a:lnTo>
                    <a:pt x="33292" y="7856"/>
                  </a:lnTo>
                  <a:cubicBezTo>
                    <a:pt x="33294" y="7857"/>
                    <a:pt x="33296" y="7857"/>
                    <a:pt x="33299" y="7857"/>
                  </a:cubicBezTo>
                  <a:cubicBezTo>
                    <a:pt x="33320" y="7857"/>
                    <a:pt x="33337" y="7844"/>
                    <a:pt x="33350" y="7828"/>
                  </a:cubicBezTo>
                  <a:lnTo>
                    <a:pt x="33474" y="7828"/>
                  </a:lnTo>
                  <a:cubicBezTo>
                    <a:pt x="33473" y="7829"/>
                    <a:pt x="33472" y="7830"/>
                    <a:pt x="33472" y="7831"/>
                  </a:cubicBezTo>
                  <a:cubicBezTo>
                    <a:pt x="33465" y="7865"/>
                    <a:pt x="33488" y="7898"/>
                    <a:pt x="33522" y="7904"/>
                  </a:cubicBezTo>
                  <a:lnTo>
                    <a:pt x="33544" y="7908"/>
                  </a:lnTo>
                  <a:cubicBezTo>
                    <a:pt x="33541" y="7908"/>
                    <a:pt x="33537" y="7907"/>
                    <a:pt x="33534" y="7907"/>
                  </a:cubicBezTo>
                  <a:cubicBezTo>
                    <a:pt x="33504" y="7907"/>
                    <a:pt x="33477" y="7928"/>
                    <a:pt x="33472" y="7958"/>
                  </a:cubicBezTo>
                  <a:cubicBezTo>
                    <a:pt x="33466" y="7986"/>
                    <a:pt x="33483" y="8008"/>
                    <a:pt x="33506" y="8021"/>
                  </a:cubicBezTo>
                  <a:cubicBezTo>
                    <a:pt x="33481" y="8031"/>
                    <a:pt x="33461" y="8051"/>
                    <a:pt x="33463" y="8079"/>
                  </a:cubicBezTo>
                  <a:cubicBezTo>
                    <a:pt x="33464" y="8114"/>
                    <a:pt x="33493" y="8133"/>
                    <a:pt x="33523" y="8152"/>
                  </a:cubicBezTo>
                  <a:lnTo>
                    <a:pt x="33539" y="8158"/>
                  </a:lnTo>
                  <a:cubicBezTo>
                    <a:pt x="33587" y="8183"/>
                    <a:pt x="33635" y="8189"/>
                    <a:pt x="33686" y="8189"/>
                  </a:cubicBezTo>
                  <a:cubicBezTo>
                    <a:pt x="33704" y="8189"/>
                    <a:pt x="33722" y="8188"/>
                    <a:pt x="33740" y="8187"/>
                  </a:cubicBezTo>
                  <a:cubicBezTo>
                    <a:pt x="33746" y="8187"/>
                    <a:pt x="33753" y="8186"/>
                    <a:pt x="33759" y="8186"/>
                  </a:cubicBezTo>
                  <a:cubicBezTo>
                    <a:pt x="33826" y="8183"/>
                    <a:pt x="33892" y="8170"/>
                    <a:pt x="33950" y="8137"/>
                  </a:cubicBezTo>
                  <a:lnTo>
                    <a:pt x="33968" y="8126"/>
                  </a:lnTo>
                  <a:cubicBezTo>
                    <a:pt x="33980" y="8116"/>
                    <a:pt x="33990" y="8109"/>
                    <a:pt x="33998" y="8102"/>
                  </a:cubicBezTo>
                  <a:cubicBezTo>
                    <a:pt x="33999" y="8101"/>
                    <a:pt x="34000" y="8099"/>
                    <a:pt x="34002" y="8098"/>
                  </a:cubicBezTo>
                  <a:cubicBezTo>
                    <a:pt x="34015" y="8086"/>
                    <a:pt x="34020" y="8078"/>
                    <a:pt x="34024" y="8064"/>
                  </a:cubicBezTo>
                  <a:cubicBezTo>
                    <a:pt x="34024" y="8063"/>
                    <a:pt x="34026" y="8063"/>
                    <a:pt x="34026" y="8061"/>
                  </a:cubicBezTo>
                  <a:cubicBezTo>
                    <a:pt x="34026" y="8060"/>
                    <a:pt x="34025" y="8059"/>
                    <a:pt x="34025" y="8058"/>
                  </a:cubicBezTo>
                  <a:cubicBezTo>
                    <a:pt x="34026" y="8056"/>
                    <a:pt x="34026" y="8055"/>
                    <a:pt x="34027" y="8053"/>
                  </a:cubicBezTo>
                  <a:cubicBezTo>
                    <a:pt x="34026" y="8049"/>
                    <a:pt x="34022" y="8047"/>
                    <a:pt x="34021" y="8043"/>
                  </a:cubicBezTo>
                  <a:cubicBezTo>
                    <a:pt x="34018" y="8017"/>
                    <a:pt x="34003" y="7993"/>
                    <a:pt x="33975" y="7988"/>
                  </a:cubicBezTo>
                  <a:lnTo>
                    <a:pt x="33953" y="7984"/>
                  </a:lnTo>
                  <a:lnTo>
                    <a:pt x="33953" y="7984"/>
                  </a:lnTo>
                  <a:cubicBezTo>
                    <a:pt x="33957" y="7984"/>
                    <a:pt x="33960" y="7984"/>
                    <a:pt x="33963" y="7984"/>
                  </a:cubicBezTo>
                  <a:cubicBezTo>
                    <a:pt x="33993" y="7984"/>
                    <a:pt x="34020" y="7964"/>
                    <a:pt x="34026" y="7934"/>
                  </a:cubicBezTo>
                  <a:cubicBezTo>
                    <a:pt x="34032" y="7900"/>
                    <a:pt x="34009" y="7867"/>
                    <a:pt x="33975" y="7860"/>
                  </a:cubicBezTo>
                  <a:lnTo>
                    <a:pt x="33953" y="7856"/>
                  </a:lnTo>
                  <a:lnTo>
                    <a:pt x="33953" y="7856"/>
                  </a:lnTo>
                  <a:cubicBezTo>
                    <a:pt x="33956" y="7857"/>
                    <a:pt x="33958" y="7857"/>
                    <a:pt x="33961" y="7857"/>
                  </a:cubicBezTo>
                  <a:cubicBezTo>
                    <a:pt x="33982" y="7857"/>
                    <a:pt x="33999" y="7845"/>
                    <a:pt x="34011" y="7828"/>
                  </a:cubicBezTo>
                  <a:lnTo>
                    <a:pt x="34135" y="7828"/>
                  </a:lnTo>
                  <a:cubicBezTo>
                    <a:pt x="34135" y="7829"/>
                    <a:pt x="34133" y="7830"/>
                    <a:pt x="34133" y="7831"/>
                  </a:cubicBezTo>
                  <a:cubicBezTo>
                    <a:pt x="34127" y="7865"/>
                    <a:pt x="34150" y="7898"/>
                    <a:pt x="34184" y="7904"/>
                  </a:cubicBezTo>
                  <a:lnTo>
                    <a:pt x="34205" y="7908"/>
                  </a:lnTo>
                  <a:cubicBezTo>
                    <a:pt x="34202" y="7908"/>
                    <a:pt x="34199" y="7907"/>
                    <a:pt x="34195" y="7907"/>
                  </a:cubicBezTo>
                  <a:cubicBezTo>
                    <a:pt x="34165" y="7907"/>
                    <a:pt x="34139" y="7928"/>
                    <a:pt x="34133" y="7958"/>
                  </a:cubicBezTo>
                  <a:cubicBezTo>
                    <a:pt x="34128" y="7986"/>
                    <a:pt x="34144" y="8008"/>
                    <a:pt x="34168" y="8022"/>
                  </a:cubicBezTo>
                  <a:cubicBezTo>
                    <a:pt x="34143" y="8031"/>
                    <a:pt x="34124" y="8052"/>
                    <a:pt x="34125" y="8080"/>
                  </a:cubicBezTo>
                  <a:cubicBezTo>
                    <a:pt x="34127" y="8114"/>
                    <a:pt x="34155" y="8133"/>
                    <a:pt x="34185" y="8152"/>
                  </a:cubicBezTo>
                  <a:lnTo>
                    <a:pt x="34200" y="8158"/>
                  </a:lnTo>
                  <a:cubicBezTo>
                    <a:pt x="34249" y="8183"/>
                    <a:pt x="34296" y="8189"/>
                    <a:pt x="34348" y="8189"/>
                  </a:cubicBezTo>
                  <a:cubicBezTo>
                    <a:pt x="34365" y="8189"/>
                    <a:pt x="34383" y="8188"/>
                    <a:pt x="34402" y="8187"/>
                  </a:cubicBezTo>
                  <a:cubicBezTo>
                    <a:pt x="34408" y="8187"/>
                    <a:pt x="34415" y="8187"/>
                    <a:pt x="34421" y="8186"/>
                  </a:cubicBezTo>
                  <a:cubicBezTo>
                    <a:pt x="34488" y="8183"/>
                    <a:pt x="34554" y="8170"/>
                    <a:pt x="34612" y="8138"/>
                  </a:cubicBezTo>
                  <a:lnTo>
                    <a:pt x="34629" y="8126"/>
                  </a:lnTo>
                  <a:cubicBezTo>
                    <a:pt x="34643" y="8116"/>
                    <a:pt x="34652" y="8109"/>
                    <a:pt x="34659" y="8102"/>
                  </a:cubicBezTo>
                  <a:cubicBezTo>
                    <a:pt x="34661" y="8101"/>
                    <a:pt x="34662" y="8099"/>
                    <a:pt x="34663" y="8098"/>
                  </a:cubicBezTo>
                  <a:cubicBezTo>
                    <a:pt x="34678" y="8086"/>
                    <a:pt x="34682" y="8078"/>
                    <a:pt x="34685" y="8064"/>
                  </a:cubicBezTo>
                  <a:cubicBezTo>
                    <a:pt x="34686" y="8063"/>
                    <a:pt x="34687" y="8063"/>
                    <a:pt x="34687" y="8061"/>
                  </a:cubicBezTo>
                  <a:cubicBezTo>
                    <a:pt x="34688" y="8060"/>
                    <a:pt x="34687" y="8059"/>
                    <a:pt x="34687" y="8058"/>
                  </a:cubicBezTo>
                  <a:cubicBezTo>
                    <a:pt x="34687" y="8056"/>
                    <a:pt x="34687" y="8055"/>
                    <a:pt x="34688" y="8052"/>
                  </a:cubicBezTo>
                  <a:cubicBezTo>
                    <a:pt x="34688" y="8049"/>
                    <a:pt x="34684" y="8046"/>
                    <a:pt x="34683" y="8043"/>
                  </a:cubicBezTo>
                  <a:cubicBezTo>
                    <a:pt x="34680" y="8017"/>
                    <a:pt x="34664" y="7993"/>
                    <a:pt x="34636" y="7988"/>
                  </a:cubicBezTo>
                  <a:lnTo>
                    <a:pt x="34615" y="7984"/>
                  </a:lnTo>
                  <a:lnTo>
                    <a:pt x="34615" y="7984"/>
                  </a:lnTo>
                  <a:cubicBezTo>
                    <a:pt x="34618" y="7984"/>
                    <a:pt x="34622" y="7984"/>
                    <a:pt x="34625" y="7984"/>
                  </a:cubicBezTo>
                  <a:cubicBezTo>
                    <a:pt x="34655" y="7984"/>
                    <a:pt x="34682" y="7964"/>
                    <a:pt x="34687" y="7934"/>
                  </a:cubicBezTo>
                  <a:cubicBezTo>
                    <a:pt x="34693" y="7900"/>
                    <a:pt x="34672" y="7867"/>
                    <a:pt x="34636" y="7860"/>
                  </a:cubicBezTo>
                  <a:lnTo>
                    <a:pt x="34616" y="7856"/>
                  </a:lnTo>
                  <a:lnTo>
                    <a:pt x="34616" y="7856"/>
                  </a:lnTo>
                  <a:cubicBezTo>
                    <a:pt x="34618" y="7857"/>
                    <a:pt x="34621" y="7857"/>
                    <a:pt x="34623" y="7857"/>
                  </a:cubicBezTo>
                  <a:cubicBezTo>
                    <a:pt x="34645" y="7857"/>
                    <a:pt x="34662" y="7845"/>
                    <a:pt x="34674" y="7828"/>
                  </a:cubicBezTo>
                  <a:lnTo>
                    <a:pt x="34797" y="7828"/>
                  </a:lnTo>
                  <a:cubicBezTo>
                    <a:pt x="34797" y="7829"/>
                    <a:pt x="34796" y="7830"/>
                    <a:pt x="34796" y="7831"/>
                  </a:cubicBezTo>
                  <a:cubicBezTo>
                    <a:pt x="34788" y="7865"/>
                    <a:pt x="34811" y="7898"/>
                    <a:pt x="34845" y="7904"/>
                  </a:cubicBezTo>
                  <a:lnTo>
                    <a:pt x="34867" y="7908"/>
                  </a:lnTo>
                  <a:cubicBezTo>
                    <a:pt x="34864" y="7908"/>
                    <a:pt x="34860" y="7907"/>
                    <a:pt x="34857" y="7907"/>
                  </a:cubicBezTo>
                  <a:cubicBezTo>
                    <a:pt x="34828" y="7907"/>
                    <a:pt x="34801" y="7928"/>
                    <a:pt x="34796" y="7958"/>
                  </a:cubicBezTo>
                  <a:cubicBezTo>
                    <a:pt x="34791" y="7986"/>
                    <a:pt x="34807" y="8008"/>
                    <a:pt x="34830" y="8022"/>
                  </a:cubicBezTo>
                  <a:cubicBezTo>
                    <a:pt x="34805" y="8031"/>
                    <a:pt x="34785" y="8052"/>
                    <a:pt x="34787" y="8080"/>
                  </a:cubicBezTo>
                  <a:cubicBezTo>
                    <a:pt x="34788" y="8114"/>
                    <a:pt x="34817" y="8133"/>
                    <a:pt x="34847" y="8152"/>
                  </a:cubicBezTo>
                  <a:lnTo>
                    <a:pt x="34863" y="8158"/>
                  </a:lnTo>
                  <a:cubicBezTo>
                    <a:pt x="34912" y="8183"/>
                    <a:pt x="34959" y="8189"/>
                    <a:pt x="35010" y="8189"/>
                  </a:cubicBezTo>
                  <a:cubicBezTo>
                    <a:pt x="35028" y="8189"/>
                    <a:pt x="35046" y="8188"/>
                    <a:pt x="35064" y="8187"/>
                  </a:cubicBezTo>
                  <a:cubicBezTo>
                    <a:pt x="35071" y="8187"/>
                    <a:pt x="35077" y="8187"/>
                    <a:pt x="35083" y="8186"/>
                  </a:cubicBezTo>
                  <a:cubicBezTo>
                    <a:pt x="35150" y="8183"/>
                    <a:pt x="35216" y="8170"/>
                    <a:pt x="35274" y="8138"/>
                  </a:cubicBezTo>
                  <a:lnTo>
                    <a:pt x="35292" y="8126"/>
                  </a:lnTo>
                  <a:cubicBezTo>
                    <a:pt x="35304" y="8116"/>
                    <a:pt x="35314" y="8109"/>
                    <a:pt x="35321" y="8102"/>
                  </a:cubicBezTo>
                  <a:cubicBezTo>
                    <a:pt x="35323" y="8101"/>
                    <a:pt x="35324" y="8099"/>
                    <a:pt x="35325" y="8098"/>
                  </a:cubicBezTo>
                  <a:cubicBezTo>
                    <a:pt x="35339" y="8086"/>
                    <a:pt x="35345" y="8078"/>
                    <a:pt x="35348" y="8065"/>
                  </a:cubicBezTo>
                  <a:cubicBezTo>
                    <a:pt x="35348" y="8063"/>
                    <a:pt x="35350" y="8063"/>
                    <a:pt x="35350" y="8061"/>
                  </a:cubicBezTo>
                  <a:cubicBezTo>
                    <a:pt x="35350" y="8060"/>
                    <a:pt x="35349" y="8059"/>
                    <a:pt x="35349" y="8058"/>
                  </a:cubicBezTo>
                  <a:cubicBezTo>
                    <a:pt x="35349" y="8056"/>
                    <a:pt x="35350" y="8055"/>
                    <a:pt x="35350" y="8053"/>
                  </a:cubicBezTo>
                  <a:cubicBezTo>
                    <a:pt x="35350" y="8049"/>
                    <a:pt x="35347" y="8047"/>
                    <a:pt x="35346" y="8043"/>
                  </a:cubicBezTo>
                  <a:cubicBezTo>
                    <a:pt x="35341" y="8017"/>
                    <a:pt x="35326" y="7993"/>
                    <a:pt x="35299" y="7988"/>
                  </a:cubicBezTo>
                  <a:lnTo>
                    <a:pt x="35277" y="7984"/>
                  </a:lnTo>
                  <a:lnTo>
                    <a:pt x="35277" y="7984"/>
                  </a:lnTo>
                  <a:cubicBezTo>
                    <a:pt x="35281" y="7984"/>
                    <a:pt x="35285" y="7985"/>
                    <a:pt x="35289" y="7985"/>
                  </a:cubicBezTo>
                  <a:cubicBezTo>
                    <a:pt x="35318" y="7985"/>
                    <a:pt x="35344" y="7963"/>
                    <a:pt x="35350" y="7934"/>
                  </a:cubicBezTo>
                  <a:cubicBezTo>
                    <a:pt x="35356" y="7900"/>
                    <a:pt x="35333" y="7867"/>
                    <a:pt x="35299" y="7861"/>
                  </a:cubicBezTo>
                  <a:lnTo>
                    <a:pt x="35277" y="7856"/>
                  </a:lnTo>
                  <a:lnTo>
                    <a:pt x="35277" y="7856"/>
                  </a:lnTo>
                  <a:cubicBezTo>
                    <a:pt x="35280" y="7857"/>
                    <a:pt x="35282" y="7857"/>
                    <a:pt x="35285" y="7857"/>
                  </a:cubicBezTo>
                  <a:cubicBezTo>
                    <a:pt x="35306" y="7857"/>
                    <a:pt x="35323" y="7845"/>
                    <a:pt x="35335" y="7828"/>
                  </a:cubicBezTo>
                  <a:lnTo>
                    <a:pt x="35459" y="7828"/>
                  </a:lnTo>
                  <a:cubicBezTo>
                    <a:pt x="35459" y="7829"/>
                    <a:pt x="35457" y="7830"/>
                    <a:pt x="35457" y="7831"/>
                  </a:cubicBezTo>
                  <a:cubicBezTo>
                    <a:pt x="35451" y="7865"/>
                    <a:pt x="35474" y="7898"/>
                    <a:pt x="35508" y="7904"/>
                  </a:cubicBezTo>
                  <a:lnTo>
                    <a:pt x="35530" y="7908"/>
                  </a:lnTo>
                  <a:cubicBezTo>
                    <a:pt x="35526" y="7908"/>
                    <a:pt x="35523" y="7907"/>
                    <a:pt x="35520" y="7907"/>
                  </a:cubicBezTo>
                  <a:cubicBezTo>
                    <a:pt x="35489" y="7907"/>
                    <a:pt x="35463" y="7928"/>
                    <a:pt x="35457" y="7958"/>
                  </a:cubicBezTo>
                  <a:cubicBezTo>
                    <a:pt x="35452" y="7986"/>
                    <a:pt x="35469" y="8008"/>
                    <a:pt x="35491" y="8022"/>
                  </a:cubicBezTo>
                  <a:cubicBezTo>
                    <a:pt x="35467" y="8031"/>
                    <a:pt x="35448" y="8052"/>
                    <a:pt x="35449" y="8080"/>
                  </a:cubicBezTo>
                  <a:cubicBezTo>
                    <a:pt x="35451" y="8114"/>
                    <a:pt x="35479" y="8133"/>
                    <a:pt x="35509" y="8152"/>
                  </a:cubicBezTo>
                  <a:lnTo>
                    <a:pt x="35524" y="8158"/>
                  </a:lnTo>
                  <a:cubicBezTo>
                    <a:pt x="35573" y="8183"/>
                    <a:pt x="35621" y="8189"/>
                    <a:pt x="35672" y="8189"/>
                  </a:cubicBezTo>
                  <a:cubicBezTo>
                    <a:pt x="35689" y="8189"/>
                    <a:pt x="35707" y="8188"/>
                    <a:pt x="35726" y="8187"/>
                  </a:cubicBezTo>
                  <a:cubicBezTo>
                    <a:pt x="35732" y="8187"/>
                    <a:pt x="35739" y="8187"/>
                    <a:pt x="35746" y="8186"/>
                  </a:cubicBezTo>
                  <a:cubicBezTo>
                    <a:pt x="35812" y="8183"/>
                    <a:pt x="35878" y="8170"/>
                    <a:pt x="35936" y="8138"/>
                  </a:cubicBezTo>
                  <a:lnTo>
                    <a:pt x="35953" y="8126"/>
                  </a:lnTo>
                  <a:cubicBezTo>
                    <a:pt x="35967" y="8116"/>
                    <a:pt x="35976" y="8109"/>
                    <a:pt x="35983" y="8102"/>
                  </a:cubicBezTo>
                  <a:cubicBezTo>
                    <a:pt x="35985" y="8101"/>
                    <a:pt x="35985" y="8099"/>
                    <a:pt x="35988" y="8098"/>
                  </a:cubicBezTo>
                  <a:cubicBezTo>
                    <a:pt x="36001" y="8086"/>
                    <a:pt x="36006" y="8078"/>
                    <a:pt x="36009" y="8065"/>
                  </a:cubicBezTo>
                  <a:cubicBezTo>
                    <a:pt x="36009" y="8063"/>
                    <a:pt x="36011" y="8063"/>
                    <a:pt x="36011" y="8061"/>
                  </a:cubicBezTo>
                  <a:cubicBezTo>
                    <a:pt x="36011" y="8060"/>
                    <a:pt x="36010" y="8059"/>
                    <a:pt x="36011" y="8058"/>
                  </a:cubicBezTo>
                  <a:cubicBezTo>
                    <a:pt x="36011" y="8056"/>
                    <a:pt x="36011" y="8055"/>
                    <a:pt x="36012" y="8053"/>
                  </a:cubicBezTo>
                  <a:cubicBezTo>
                    <a:pt x="36012" y="8049"/>
                    <a:pt x="36008" y="8047"/>
                    <a:pt x="36007" y="8043"/>
                  </a:cubicBezTo>
                  <a:cubicBezTo>
                    <a:pt x="36004" y="8017"/>
                    <a:pt x="35989" y="7993"/>
                    <a:pt x="35961" y="7988"/>
                  </a:cubicBezTo>
                  <a:lnTo>
                    <a:pt x="35939" y="7984"/>
                  </a:lnTo>
                  <a:lnTo>
                    <a:pt x="35939" y="7984"/>
                  </a:lnTo>
                  <a:cubicBezTo>
                    <a:pt x="35943" y="7984"/>
                    <a:pt x="35946" y="7985"/>
                    <a:pt x="35950" y="7985"/>
                  </a:cubicBezTo>
                  <a:cubicBezTo>
                    <a:pt x="35980" y="7985"/>
                    <a:pt x="36006" y="7963"/>
                    <a:pt x="36011" y="7934"/>
                  </a:cubicBezTo>
                  <a:cubicBezTo>
                    <a:pt x="36017" y="7900"/>
                    <a:pt x="35995" y="7867"/>
                    <a:pt x="35961" y="7861"/>
                  </a:cubicBezTo>
                  <a:lnTo>
                    <a:pt x="35940" y="7856"/>
                  </a:lnTo>
                  <a:lnTo>
                    <a:pt x="35940" y="7856"/>
                  </a:lnTo>
                  <a:cubicBezTo>
                    <a:pt x="35943" y="7857"/>
                    <a:pt x="35945" y="7857"/>
                    <a:pt x="35947" y="7857"/>
                  </a:cubicBezTo>
                  <a:cubicBezTo>
                    <a:pt x="35969" y="7857"/>
                    <a:pt x="35986" y="7845"/>
                    <a:pt x="35998" y="7828"/>
                  </a:cubicBezTo>
                  <a:lnTo>
                    <a:pt x="36121" y="7828"/>
                  </a:lnTo>
                  <a:cubicBezTo>
                    <a:pt x="36121" y="7829"/>
                    <a:pt x="36120" y="7830"/>
                    <a:pt x="36119" y="7831"/>
                  </a:cubicBezTo>
                  <a:cubicBezTo>
                    <a:pt x="36113" y="7865"/>
                    <a:pt x="36135" y="7898"/>
                    <a:pt x="36169" y="7904"/>
                  </a:cubicBezTo>
                  <a:lnTo>
                    <a:pt x="36191" y="7908"/>
                  </a:lnTo>
                  <a:cubicBezTo>
                    <a:pt x="36188" y="7908"/>
                    <a:pt x="36185" y="7907"/>
                    <a:pt x="36181" y="7907"/>
                  </a:cubicBezTo>
                  <a:cubicBezTo>
                    <a:pt x="36152" y="7907"/>
                    <a:pt x="36125" y="7928"/>
                    <a:pt x="36119" y="7959"/>
                  </a:cubicBezTo>
                  <a:cubicBezTo>
                    <a:pt x="36115" y="7986"/>
                    <a:pt x="36130" y="8008"/>
                    <a:pt x="36154" y="8022"/>
                  </a:cubicBezTo>
                  <a:cubicBezTo>
                    <a:pt x="36129" y="8031"/>
                    <a:pt x="36109" y="8052"/>
                    <a:pt x="36111" y="8080"/>
                  </a:cubicBezTo>
                  <a:cubicBezTo>
                    <a:pt x="36113" y="8114"/>
                    <a:pt x="36142" y="8135"/>
                    <a:pt x="36170" y="8152"/>
                  </a:cubicBezTo>
                  <a:lnTo>
                    <a:pt x="36187" y="8158"/>
                  </a:lnTo>
                  <a:cubicBezTo>
                    <a:pt x="36235" y="8183"/>
                    <a:pt x="36282" y="8189"/>
                    <a:pt x="36333" y="8189"/>
                  </a:cubicBezTo>
                  <a:cubicBezTo>
                    <a:pt x="36350" y="8189"/>
                    <a:pt x="36369" y="8188"/>
                    <a:pt x="36388" y="8187"/>
                  </a:cubicBezTo>
                  <a:cubicBezTo>
                    <a:pt x="36395" y="8187"/>
                    <a:pt x="36401" y="8187"/>
                    <a:pt x="36407" y="8186"/>
                  </a:cubicBezTo>
                  <a:cubicBezTo>
                    <a:pt x="36473" y="8183"/>
                    <a:pt x="36541" y="8171"/>
                    <a:pt x="36597" y="8138"/>
                  </a:cubicBezTo>
                  <a:lnTo>
                    <a:pt x="36615" y="8126"/>
                  </a:lnTo>
                  <a:cubicBezTo>
                    <a:pt x="36628" y="8116"/>
                    <a:pt x="36638" y="8109"/>
                    <a:pt x="36645" y="8102"/>
                  </a:cubicBezTo>
                  <a:cubicBezTo>
                    <a:pt x="36647" y="8101"/>
                    <a:pt x="36648" y="8100"/>
                    <a:pt x="36649" y="8098"/>
                  </a:cubicBezTo>
                  <a:cubicBezTo>
                    <a:pt x="36664" y="8086"/>
                    <a:pt x="36668" y="8078"/>
                    <a:pt x="36671" y="8065"/>
                  </a:cubicBezTo>
                  <a:cubicBezTo>
                    <a:pt x="36672" y="8063"/>
                    <a:pt x="36673" y="8063"/>
                    <a:pt x="36673" y="8062"/>
                  </a:cubicBezTo>
                  <a:cubicBezTo>
                    <a:pt x="36674" y="8060"/>
                    <a:pt x="36673" y="8060"/>
                    <a:pt x="36673" y="8058"/>
                  </a:cubicBezTo>
                  <a:cubicBezTo>
                    <a:pt x="36673" y="8056"/>
                    <a:pt x="36674" y="8055"/>
                    <a:pt x="36674" y="8053"/>
                  </a:cubicBezTo>
                  <a:cubicBezTo>
                    <a:pt x="36674" y="8049"/>
                    <a:pt x="36670" y="8047"/>
                    <a:pt x="36670" y="8043"/>
                  </a:cubicBezTo>
                  <a:cubicBezTo>
                    <a:pt x="36666" y="8017"/>
                    <a:pt x="36650" y="7993"/>
                    <a:pt x="36623" y="7988"/>
                  </a:cubicBezTo>
                  <a:lnTo>
                    <a:pt x="36602" y="7984"/>
                  </a:lnTo>
                  <a:lnTo>
                    <a:pt x="36602" y="7984"/>
                  </a:lnTo>
                  <a:cubicBezTo>
                    <a:pt x="36605" y="7984"/>
                    <a:pt x="36609" y="7985"/>
                    <a:pt x="36612" y="7985"/>
                  </a:cubicBezTo>
                  <a:cubicBezTo>
                    <a:pt x="36641" y="7985"/>
                    <a:pt x="36667" y="7963"/>
                    <a:pt x="36673" y="7934"/>
                  </a:cubicBezTo>
                  <a:cubicBezTo>
                    <a:pt x="36680" y="7900"/>
                    <a:pt x="36657" y="7867"/>
                    <a:pt x="36623" y="7861"/>
                  </a:cubicBezTo>
                  <a:lnTo>
                    <a:pt x="36602" y="7856"/>
                  </a:lnTo>
                  <a:lnTo>
                    <a:pt x="36602" y="7856"/>
                  </a:lnTo>
                  <a:cubicBezTo>
                    <a:pt x="36604" y="7857"/>
                    <a:pt x="36607" y="7857"/>
                    <a:pt x="36609" y="7857"/>
                  </a:cubicBezTo>
                  <a:cubicBezTo>
                    <a:pt x="36630" y="7857"/>
                    <a:pt x="36647" y="7845"/>
                    <a:pt x="36659" y="7828"/>
                  </a:cubicBezTo>
                  <a:lnTo>
                    <a:pt x="37137" y="7828"/>
                  </a:lnTo>
                  <a:lnTo>
                    <a:pt x="37137" y="8383"/>
                  </a:lnTo>
                  <a:lnTo>
                    <a:pt x="37416" y="8383"/>
                  </a:lnTo>
                  <a:lnTo>
                    <a:pt x="37416" y="7662"/>
                  </a:lnTo>
                  <a:lnTo>
                    <a:pt x="37703" y="7662"/>
                  </a:lnTo>
                  <a:lnTo>
                    <a:pt x="37703" y="7820"/>
                  </a:lnTo>
                  <a:lnTo>
                    <a:pt x="38285" y="7820"/>
                  </a:lnTo>
                  <a:lnTo>
                    <a:pt x="38285" y="7656"/>
                  </a:lnTo>
                  <a:cubicBezTo>
                    <a:pt x="38401" y="7639"/>
                    <a:pt x="38491" y="7544"/>
                    <a:pt x="38491" y="7423"/>
                  </a:cubicBezTo>
                  <a:cubicBezTo>
                    <a:pt x="38491" y="7303"/>
                    <a:pt x="38401" y="7208"/>
                    <a:pt x="38285" y="7192"/>
                  </a:cubicBezTo>
                  <a:lnTo>
                    <a:pt x="38285" y="5746"/>
                  </a:lnTo>
                  <a:lnTo>
                    <a:pt x="38285" y="5174"/>
                  </a:lnTo>
                  <a:lnTo>
                    <a:pt x="38975" y="5174"/>
                  </a:lnTo>
                  <a:lnTo>
                    <a:pt x="38975" y="4627"/>
                  </a:lnTo>
                  <a:lnTo>
                    <a:pt x="38607" y="2875"/>
                  </a:lnTo>
                  <a:lnTo>
                    <a:pt x="46271" y="2875"/>
                  </a:lnTo>
                  <a:lnTo>
                    <a:pt x="46271" y="2280"/>
                  </a:lnTo>
                  <a:lnTo>
                    <a:pt x="46271" y="595"/>
                  </a:lnTo>
                  <a:lnTo>
                    <a:pt x="46271" y="0"/>
                  </a:lnTo>
                  <a:close/>
                </a:path>
              </a:pathLst>
            </a:custGeom>
            <a:solidFill>
              <a:srgbClr val="16263C">
                <a:alpha val="1013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54" name="Google Shape;854;p33"/>
            <p:cNvSpPr/>
            <p:nvPr/>
          </p:nvSpPr>
          <p:spPr>
            <a:xfrm>
              <a:off x="4588400" y="752503"/>
              <a:ext cx="90450" cy="1774051"/>
            </a:xfrm>
            <a:custGeom>
              <a:avLst/>
              <a:gdLst/>
              <a:ahLst/>
              <a:cxnLst/>
              <a:rect l="l" t="t" r="r" b="b"/>
              <a:pathLst>
                <a:path w="3618" h="48185" extrusionOk="0">
                  <a:moveTo>
                    <a:pt x="0" y="0"/>
                  </a:moveTo>
                  <a:lnTo>
                    <a:pt x="0" y="48184"/>
                  </a:lnTo>
                  <a:lnTo>
                    <a:pt x="3618" y="48184"/>
                  </a:lnTo>
                  <a:lnTo>
                    <a:pt x="3618" y="0"/>
                  </a:lnTo>
                  <a:close/>
                </a:path>
              </a:pathLst>
            </a:custGeom>
            <a:solidFill>
              <a:srgbClr val="16263C">
                <a:alpha val="1013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4" name="Google Shape;408;p28">
            <a:extLst>
              <a:ext uri="{FF2B5EF4-FFF2-40B4-BE49-F238E27FC236}">
                <a16:creationId xmlns:a16="http://schemas.microsoft.com/office/drawing/2014/main" xmlns="" id="{89EA63A8-3E30-0679-800D-84B7CFB34F6A}"/>
              </a:ext>
            </a:extLst>
          </p:cNvPr>
          <p:cNvSpPr txBox="1">
            <a:spLocks noGrp="1"/>
          </p:cNvSpPr>
          <p:nvPr>
            <p:ph type="title"/>
          </p:nvPr>
        </p:nvSpPr>
        <p:spPr>
          <a:xfrm>
            <a:off x="2768948" y="539178"/>
            <a:ext cx="5883562" cy="4156508"/>
          </a:xfrm>
          <a:prstGeom prst="rect">
            <a:avLst/>
          </a:prstGeom>
        </p:spPr>
        <p:txBody>
          <a:bodyPr spcFirstLastPara="1" wrap="square" lIns="91425" tIns="91425" rIns="91425" bIns="91425" anchor="ctr" anchorCtr="0">
            <a:noAutofit/>
          </a:bodyPr>
          <a:lstStyle/>
          <a:p>
            <a:pPr>
              <a:lnSpc>
                <a:spcPct val="150000"/>
              </a:lnSpc>
            </a:pPr>
            <a:r>
              <a:rPr lang="vi-VN" sz="3200" b="1" dirty="0">
                <a:effectLst/>
                <a:latin typeface="Arial" panose="020B0604020202020204" pitchFamily="34" charset="0"/>
                <a:cs typeface="Arial" panose="020B0604020202020204" pitchFamily="34" charset="0"/>
              </a:rPr>
              <a:t>NHỮNG HƯỚNG ĐI LIÊN QUAN TỚI NGHỀ NGHIỆP TRONG LĨNH VỰC KĨ THUẬT, CÔNG NGHỆ SAU KHI TỐT NGHIỆP TRUNG HỌC CƠ SỞ</a:t>
            </a:r>
            <a:endParaRPr lang="vi-VN" sz="3200" dirty="0">
              <a:effectLst/>
              <a:latin typeface="Arial" panose="020B0604020202020204" pitchFamily="34" charset="0"/>
              <a:cs typeface="Arial" panose="020B0604020202020204" pitchFamily="34" charset="0"/>
            </a:endParaRPr>
          </a:p>
        </p:txBody>
      </p:sp>
      <p:sp>
        <p:nvSpPr>
          <p:cNvPr id="15" name="Rectangle 14">
            <a:extLst>
              <a:ext uri="{FF2B5EF4-FFF2-40B4-BE49-F238E27FC236}">
                <a16:creationId xmlns:a16="http://schemas.microsoft.com/office/drawing/2014/main" xmlns="" id="{4066987F-C303-D861-488B-C421FE80F727}"/>
              </a:ext>
            </a:extLst>
          </p:cNvPr>
          <p:cNvSpPr/>
          <p:nvPr/>
        </p:nvSpPr>
        <p:spPr>
          <a:xfrm>
            <a:off x="967334" y="1016556"/>
            <a:ext cx="857433" cy="706518"/>
          </a:xfrm>
          <a:prstGeom prst="rect">
            <a:avLst/>
          </a:prstGeom>
          <a:solidFill>
            <a:schemeClr val="accent6"/>
          </a:solidFill>
          <a:ln>
            <a:solidFill>
              <a:schemeClr val="accent5"/>
            </a:solidFill>
          </a:ln>
        </p:spPr>
        <p:style>
          <a:lnRef idx="2">
            <a:schemeClr val="accent1"/>
          </a:lnRef>
          <a:fillRef idx="1">
            <a:schemeClr val="lt1"/>
          </a:fillRef>
          <a:effectRef idx="0">
            <a:schemeClr val="accent1"/>
          </a:effectRef>
          <a:fontRef idx="minor">
            <a:schemeClr val="dk1"/>
          </a:fontRef>
        </p:style>
        <p:txBody>
          <a:bodyPr rtlCol="0" anchor="ctr"/>
          <a:lstStyle/>
          <a:p>
            <a:pPr algn="ctr"/>
            <a:r>
              <a:rPr lang="vi-VN" sz="3600" b="1">
                <a:latin typeface="Arial" panose="020B0604020202020204" pitchFamily="34" charset="0"/>
                <a:cs typeface="Arial" panose="020B0604020202020204" pitchFamily="34" charset="0"/>
              </a:rPr>
              <a:t>IV.</a:t>
            </a:r>
            <a:endParaRPr lang="vi-VN" sz="3600" b="1" dirty="0">
              <a:latin typeface="Arial" panose="020B0604020202020204" pitchFamily="34" charset="0"/>
              <a:cs typeface="Arial" panose="020B0604020202020204" pitchFamily="34" charset="0"/>
            </a:endParaRPr>
          </a:p>
        </p:txBody>
      </p:sp>
    </p:spTree>
    <p:custDataLst>
      <p:tags r:id="rId1"/>
    </p:custDataLst>
  </p:cSld>
  <p:clrMapOvr>
    <a:masterClrMapping/>
  </p:clrMapOvr>
  <p:transition spd="slow">
    <p:fade/>
  </p:transition>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757"/>
        <p:cNvGrpSpPr/>
        <p:nvPr/>
      </p:nvGrpSpPr>
      <p:grpSpPr>
        <a:xfrm>
          <a:off x="0" y="0"/>
          <a:ext cx="0" cy="0"/>
          <a:chOff x="0" y="0"/>
          <a:chExt cx="0" cy="0"/>
        </a:xfrm>
      </p:grpSpPr>
      <p:sp>
        <p:nvSpPr>
          <p:cNvPr id="20" name="Title 4">
            <a:extLst>
              <a:ext uri="{FF2B5EF4-FFF2-40B4-BE49-F238E27FC236}">
                <a16:creationId xmlns:a16="http://schemas.microsoft.com/office/drawing/2014/main" xmlns="" id="{FF936C22-03E4-E9D9-9D73-8911459D0A8D}"/>
              </a:ext>
            </a:extLst>
          </p:cNvPr>
          <p:cNvSpPr txBox="1">
            <a:spLocks/>
          </p:cNvSpPr>
          <p:nvPr/>
        </p:nvSpPr>
        <p:spPr>
          <a:xfrm>
            <a:off x="720000" y="384895"/>
            <a:ext cx="7704000" cy="646500"/>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chemeClr val="accent5"/>
              </a:buClr>
              <a:buSzPts val="3000"/>
              <a:buFont typeface="Work Sans Black"/>
              <a:buNone/>
              <a:defRPr sz="3000" b="0" i="0" u="none" strike="noStrike" cap="none">
                <a:solidFill>
                  <a:schemeClr val="accent5"/>
                </a:solidFill>
                <a:latin typeface="Work Sans Black"/>
                <a:ea typeface="Work Sans Black"/>
                <a:cs typeface="Work Sans Black"/>
                <a:sym typeface="Work Sans Black"/>
              </a:defRPr>
            </a:lvl1pPr>
            <a:lvl2pPr marR="0" lvl="1"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2pPr>
            <a:lvl3pPr marR="0" lvl="2"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3pPr>
            <a:lvl4pPr marR="0" lvl="3"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4pPr>
            <a:lvl5pPr marR="0" lvl="4"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5pPr>
            <a:lvl6pPr marR="0" lvl="5"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6pPr>
            <a:lvl7pPr marR="0" lvl="6"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7pPr>
            <a:lvl8pPr marR="0" lvl="7"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8pPr>
            <a:lvl9pPr marR="0" lvl="8" algn="l" rtl="0">
              <a:lnSpc>
                <a:spcPct val="100000"/>
              </a:lnSpc>
              <a:spcBef>
                <a:spcPts val="0"/>
              </a:spcBef>
              <a:spcAft>
                <a:spcPts val="0"/>
              </a:spcAft>
              <a:buClr>
                <a:schemeClr val="dk1"/>
              </a:buClr>
              <a:buSzPts val="3000"/>
              <a:buFont typeface="Work Sans Black"/>
              <a:buNone/>
              <a:defRPr sz="3000" b="0" i="0" u="none" strike="noStrike" cap="none">
                <a:solidFill>
                  <a:schemeClr val="dk1"/>
                </a:solidFill>
                <a:latin typeface="Work Sans Black"/>
                <a:ea typeface="Work Sans Black"/>
                <a:cs typeface="Work Sans Black"/>
                <a:sym typeface="Work Sans Black"/>
              </a:defRPr>
            </a:lvl9pPr>
          </a:lstStyle>
          <a:p>
            <a:pPr algn="ctr"/>
            <a:r>
              <a:rPr lang="vi-VN" sz="2400" b="1" dirty="0">
                <a:solidFill>
                  <a:srgbClr val="DC7C12"/>
                </a:solidFill>
                <a:latin typeface="Arial" panose="020B0604020202020204" pitchFamily="34" charset="0"/>
                <a:cs typeface="Arial" panose="020B0604020202020204" pitchFamily="34" charset="0"/>
              </a:rPr>
              <a:t>Quan sát thông tin SGK tr. 14 và thực hiện yêu cầu</a:t>
            </a:r>
          </a:p>
        </p:txBody>
      </p:sp>
      <p:grpSp>
        <p:nvGrpSpPr>
          <p:cNvPr id="21" name="Group 20">
            <a:extLst>
              <a:ext uri="{FF2B5EF4-FFF2-40B4-BE49-F238E27FC236}">
                <a16:creationId xmlns:a16="http://schemas.microsoft.com/office/drawing/2014/main" xmlns="" id="{77A983EB-9D13-4646-42E5-F9B27A174446}"/>
              </a:ext>
            </a:extLst>
          </p:cNvPr>
          <p:cNvGrpSpPr/>
          <p:nvPr/>
        </p:nvGrpSpPr>
        <p:grpSpPr>
          <a:xfrm>
            <a:off x="3692602" y="1682859"/>
            <a:ext cx="4942740" cy="2191496"/>
            <a:chOff x="1069578" y="1903923"/>
            <a:chExt cx="4942740" cy="2191496"/>
          </a:xfrm>
        </p:grpSpPr>
        <p:grpSp>
          <p:nvGrpSpPr>
            <p:cNvPr id="22" name="Group 21">
              <a:extLst>
                <a:ext uri="{FF2B5EF4-FFF2-40B4-BE49-F238E27FC236}">
                  <a16:creationId xmlns:a16="http://schemas.microsoft.com/office/drawing/2014/main" xmlns="" id="{752EE5DF-7AE4-C50B-DC9F-23A42A4F7831}"/>
                </a:ext>
              </a:extLst>
            </p:cNvPr>
            <p:cNvGrpSpPr/>
            <p:nvPr/>
          </p:nvGrpSpPr>
          <p:grpSpPr>
            <a:xfrm>
              <a:off x="1069578" y="1903923"/>
              <a:ext cx="4942740" cy="2191496"/>
              <a:chOff x="996092" y="1248504"/>
              <a:chExt cx="4942740" cy="2191496"/>
            </a:xfrm>
          </p:grpSpPr>
          <p:sp>
            <p:nvSpPr>
              <p:cNvPr id="24" name="Rectangle: Diagonal Corners Rounded 23">
                <a:extLst>
                  <a:ext uri="{FF2B5EF4-FFF2-40B4-BE49-F238E27FC236}">
                    <a16:creationId xmlns:a16="http://schemas.microsoft.com/office/drawing/2014/main" xmlns="" id="{948077EF-98E2-8F29-FD5F-838468012344}"/>
                  </a:ext>
                </a:extLst>
              </p:cNvPr>
              <p:cNvSpPr/>
              <p:nvPr/>
            </p:nvSpPr>
            <p:spPr>
              <a:xfrm flipH="1">
                <a:off x="1175980" y="1506081"/>
                <a:ext cx="4762852" cy="1933919"/>
              </a:xfrm>
              <a:prstGeom prst="round2DiagRect">
                <a:avLst>
                  <a:gd name="adj1" fmla="val 21105"/>
                  <a:gd name="adj2" fmla="val 0"/>
                </a:avLst>
              </a:prstGeom>
              <a:solidFill>
                <a:srgbClr val="D7EDDD"/>
              </a:solidFill>
              <a:ln>
                <a:solidFill>
                  <a:srgbClr val="D7EDDD"/>
                </a:solidFill>
              </a:ln>
            </p:spPr>
            <p:style>
              <a:lnRef idx="2">
                <a:schemeClr val="accent1">
                  <a:shade val="15000"/>
                </a:schemeClr>
              </a:lnRef>
              <a:fillRef idx="1">
                <a:schemeClr val="accent1"/>
              </a:fillRef>
              <a:effectRef idx="0">
                <a:schemeClr val="accent1"/>
              </a:effectRef>
              <a:fontRef idx="minor">
                <a:schemeClr val="lt1"/>
              </a:fontRef>
            </p:style>
            <p:txBody>
              <a:bodyPr bIns="108000" rtlCol="0" anchor="ctr"/>
              <a:lstStyle/>
              <a:p>
                <a:pPr algn="just">
                  <a:lnSpc>
                    <a:spcPct val="150000"/>
                  </a:lnSpc>
                </a:pPr>
                <a:r>
                  <a:rPr lang="vi-VN" sz="1800" dirty="0">
                    <a:solidFill>
                      <a:srgbClr val="000000"/>
                    </a:solidFill>
                    <a:effectLst/>
                    <a:latin typeface="Arial" panose="020B0604020202020204" pitchFamily="34" charset="0"/>
                    <a:cs typeface="Arial" panose="020B0604020202020204" pitchFamily="34" charset="0"/>
                  </a:rPr>
                  <a:t>Hãy nêu những hướng đi liên quan tới nghề nghiệp trong lĩnh vực kĩ thuật, công nghệ sau khi tốt nghiệp trung học cơ sở.</a:t>
                </a:r>
                <a:endParaRPr lang="vi-VN" sz="1800" dirty="0">
                  <a:effectLst/>
                  <a:latin typeface="Arial" panose="020B0604020202020204" pitchFamily="34" charset="0"/>
                  <a:cs typeface="Arial" panose="020B0604020202020204" pitchFamily="34" charset="0"/>
                </a:endParaRPr>
              </a:p>
            </p:txBody>
          </p:sp>
          <p:sp>
            <p:nvSpPr>
              <p:cNvPr id="25" name="Speech Bubble: Rectangle with Corners Rounded 19">
                <a:extLst>
                  <a:ext uri="{FF2B5EF4-FFF2-40B4-BE49-F238E27FC236}">
                    <a16:creationId xmlns:a16="http://schemas.microsoft.com/office/drawing/2014/main" xmlns="" id="{D34C465D-F285-E9B5-62FE-465B71FB82F2}"/>
                  </a:ext>
                </a:extLst>
              </p:cNvPr>
              <p:cNvSpPr/>
              <p:nvPr/>
            </p:nvSpPr>
            <p:spPr>
              <a:xfrm>
                <a:off x="996092" y="1248504"/>
                <a:ext cx="596723" cy="478358"/>
              </a:xfrm>
              <a:custGeom>
                <a:avLst/>
                <a:gdLst>
                  <a:gd name="connsiteX0" fmla="*/ 0 w 478358"/>
                  <a:gd name="connsiteY0" fmla="*/ 79728 h 478358"/>
                  <a:gd name="connsiteX1" fmla="*/ 79728 w 478358"/>
                  <a:gd name="connsiteY1" fmla="*/ 0 h 478358"/>
                  <a:gd name="connsiteX2" fmla="*/ 279042 w 478358"/>
                  <a:gd name="connsiteY2" fmla="*/ 0 h 478358"/>
                  <a:gd name="connsiteX3" fmla="*/ 279042 w 478358"/>
                  <a:gd name="connsiteY3" fmla="*/ 0 h 478358"/>
                  <a:gd name="connsiteX4" fmla="*/ 398632 w 478358"/>
                  <a:gd name="connsiteY4" fmla="*/ 0 h 478358"/>
                  <a:gd name="connsiteX5" fmla="*/ 398630 w 478358"/>
                  <a:gd name="connsiteY5" fmla="*/ 0 h 478358"/>
                  <a:gd name="connsiteX6" fmla="*/ 478358 w 478358"/>
                  <a:gd name="connsiteY6" fmla="*/ 79728 h 478358"/>
                  <a:gd name="connsiteX7" fmla="*/ 478358 w 478358"/>
                  <a:gd name="connsiteY7" fmla="*/ 279042 h 478358"/>
                  <a:gd name="connsiteX8" fmla="*/ 596723 w 478358"/>
                  <a:gd name="connsiteY8" fmla="*/ 305924 h 478358"/>
                  <a:gd name="connsiteX9" fmla="*/ 478358 w 478358"/>
                  <a:gd name="connsiteY9" fmla="*/ 398632 h 478358"/>
                  <a:gd name="connsiteX10" fmla="*/ 478358 w 478358"/>
                  <a:gd name="connsiteY10" fmla="*/ 398630 h 478358"/>
                  <a:gd name="connsiteX11" fmla="*/ 398630 w 478358"/>
                  <a:gd name="connsiteY11" fmla="*/ 478358 h 478358"/>
                  <a:gd name="connsiteX12" fmla="*/ 398632 w 478358"/>
                  <a:gd name="connsiteY12" fmla="*/ 478358 h 478358"/>
                  <a:gd name="connsiteX13" fmla="*/ 279042 w 478358"/>
                  <a:gd name="connsiteY13" fmla="*/ 478358 h 478358"/>
                  <a:gd name="connsiteX14" fmla="*/ 279042 w 478358"/>
                  <a:gd name="connsiteY14" fmla="*/ 478358 h 478358"/>
                  <a:gd name="connsiteX15" fmla="*/ 79728 w 478358"/>
                  <a:gd name="connsiteY15" fmla="*/ 478358 h 478358"/>
                  <a:gd name="connsiteX16" fmla="*/ 0 w 478358"/>
                  <a:gd name="connsiteY16" fmla="*/ 398630 h 478358"/>
                  <a:gd name="connsiteX17" fmla="*/ 0 w 478358"/>
                  <a:gd name="connsiteY17" fmla="*/ 398632 h 478358"/>
                  <a:gd name="connsiteX18" fmla="*/ 0 w 478358"/>
                  <a:gd name="connsiteY18" fmla="*/ 279042 h 478358"/>
                  <a:gd name="connsiteX19" fmla="*/ 0 w 478358"/>
                  <a:gd name="connsiteY19" fmla="*/ 279042 h 478358"/>
                  <a:gd name="connsiteX20" fmla="*/ 0 w 478358"/>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305924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422038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596723" h="478358">
                    <a:moveTo>
                      <a:pt x="0" y="79728"/>
                    </a:moveTo>
                    <a:cubicBezTo>
                      <a:pt x="0" y="35695"/>
                      <a:pt x="35695" y="0"/>
                      <a:pt x="79728" y="0"/>
                    </a:cubicBezTo>
                    <a:lnTo>
                      <a:pt x="279042" y="0"/>
                    </a:lnTo>
                    <a:lnTo>
                      <a:pt x="279042" y="0"/>
                    </a:lnTo>
                    <a:lnTo>
                      <a:pt x="398632" y="0"/>
                    </a:lnTo>
                    <a:lnTo>
                      <a:pt x="398630" y="0"/>
                    </a:lnTo>
                    <a:cubicBezTo>
                      <a:pt x="442663" y="0"/>
                      <a:pt x="478358" y="35695"/>
                      <a:pt x="478358" y="79728"/>
                    </a:cubicBezTo>
                    <a:lnTo>
                      <a:pt x="478358" y="279042"/>
                    </a:lnTo>
                    <a:lnTo>
                      <a:pt x="596723" y="422038"/>
                    </a:lnTo>
                    <a:lnTo>
                      <a:pt x="478358" y="398632"/>
                    </a:lnTo>
                    <a:lnTo>
                      <a:pt x="478358" y="340573"/>
                    </a:lnTo>
                    <a:cubicBezTo>
                      <a:pt x="478358" y="384606"/>
                      <a:pt x="442663" y="478358"/>
                      <a:pt x="398630" y="478358"/>
                    </a:cubicBezTo>
                    <a:lnTo>
                      <a:pt x="398632" y="478358"/>
                    </a:lnTo>
                    <a:lnTo>
                      <a:pt x="279042" y="478358"/>
                    </a:lnTo>
                    <a:lnTo>
                      <a:pt x="279042" y="478358"/>
                    </a:lnTo>
                    <a:lnTo>
                      <a:pt x="79728" y="478358"/>
                    </a:lnTo>
                    <a:cubicBezTo>
                      <a:pt x="35695" y="478358"/>
                      <a:pt x="0" y="442663"/>
                      <a:pt x="0" y="398630"/>
                    </a:cubicBezTo>
                    <a:lnTo>
                      <a:pt x="0" y="398632"/>
                    </a:lnTo>
                    <a:lnTo>
                      <a:pt x="0" y="279042"/>
                    </a:lnTo>
                    <a:lnTo>
                      <a:pt x="0" y="279042"/>
                    </a:lnTo>
                    <a:lnTo>
                      <a:pt x="0" y="79728"/>
                    </a:lnTo>
                    <a:close/>
                  </a:path>
                </a:pathLst>
              </a:custGeom>
              <a:solidFill>
                <a:srgbClr val="00AEEF"/>
              </a:solidFill>
              <a:ln w="19050">
                <a:solidFill>
                  <a:schemeClr val="accent6"/>
                </a:solidFill>
              </a:ln>
            </p:spPr>
            <p:style>
              <a:lnRef idx="3">
                <a:schemeClr val="lt1"/>
              </a:lnRef>
              <a:fillRef idx="1">
                <a:schemeClr val="accent4"/>
              </a:fillRef>
              <a:effectRef idx="1">
                <a:schemeClr val="accent4"/>
              </a:effectRef>
              <a:fontRef idx="minor">
                <a:schemeClr val="lt1"/>
              </a:fontRef>
            </p:style>
            <p:txBody>
              <a:bodyPr rtlCol="0" anchor="ctr"/>
              <a:lstStyle/>
              <a:p>
                <a:pPr algn="ctr"/>
                <a:endParaRPr lang="vi-VN">
                  <a:latin typeface="Arial" panose="020B0604020202020204" pitchFamily="34" charset="0"/>
                  <a:cs typeface="Arial" panose="020B0604020202020204" pitchFamily="34" charset="0"/>
                </a:endParaRPr>
              </a:p>
            </p:txBody>
          </p:sp>
        </p:grpSp>
        <p:pic>
          <p:nvPicPr>
            <p:cNvPr id="23" name="Picture 13">
              <a:extLst>
                <a:ext uri="{FF2B5EF4-FFF2-40B4-BE49-F238E27FC236}">
                  <a16:creationId xmlns:a16="http://schemas.microsoft.com/office/drawing/2014/main" xmlns="" id="{143BDDFD-86F5-2E77-95DA-313718D1FA62}"/>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195815" y="1977508"/>
              <a:ext cx="224555" cy="352872"/>
            </a:xfrm>
            <a:prstGeom prst="rect">
              <a:avLst/>
            </a:prstGeom>
          </p:spPr>
        </p:pic>
      </p:grpSp>
      <p:sp>
        <p:nvSpPr>
          <p:cNvPr id="26" name="Arrow: Pentagon 25">
            <a:extLst>
              <a:ext uri="{FF2B5EF4-FFF2-40B4-BE49-F238E27FC236}">
                <a16:creationId xmlns:a16="http://schemas.microsoft.com/office/drawing/2014/main" xmlns="" id="{F50AA974-1393-00CB-24A6-7D2C5BC15B7F}"/>
              </a:ext>
            </a:extLst>
          </p:cNvPr>
          <p:cNvSpPr/>
          <p:nvPr/>
        </p:nvSpPr>
        <p:spPr>
          <a:xfrm>
            <a:off x="117695" y="3874355"/>
            <a:ext cx="3525926" cy="559421"/>
          </a:xfrm>
          <a:prstGeom prst="homePlate">
            <a:avLst/>
          </a:prstGeom>
          <a:solidFill>
            <a:schemeClr val="bg1"/>
          </a:solidFill>
          <a:ln>
            <a:solidFill>
              <a:schemeClr val="bg1"/>
            </a:solidFill>
          </a:ln>
        </p:spPr>
        <p:style>
          <a:lnRef idx="1">
            <a:schemeClr val="accent2"/>
          </a:lnRef>
          <a:fillRef idx="2">
            <a:schemeClr val="accent2"/>
          </a:fillRef>
          <a:effectRef idx="1">
            <a:schemeClr val="accent2"/>
          </a:effectRef>
          <a:fontRef idx="minor">
            <a:schemeClr val="dk1"/>
          </a:fontRef>
        </p:style>
        <p:txBody>
          <a:bodyPr rtlCol="0" anchor="ctr"/>
          <a:lstStyle/>
          <a:p>
            <a:pPr algn="ctr"/>
            <a:r>
              <a:rPr lang="vi-VN" sz="2200" b="1" dirty="0">
                <a:solidFill>
                  <a:schemeClr val="bg2">
                    <a:lumMod val="10000"/>
                  </a:schemeClr>
                </a:solidFill>
                <a:latin typeface="Arial" panose="020B0604020202020204" pitchFamily="34" charset="0"/>
                <a:cs typeface="Arial" panose="020B0604020202020204" pitchFamily="34" charset="0"/>
              </a:rPr>
              <a:t>THẢO LUẬN NHÓM</a:t>
            </a:r>
          </a:p>
        </p:txBody>
      </p:sp>
      <p:sp>
        <p:nvSpPr>
          <p:cNvPr id="27" name="Freeform 51">
            <a:extLst>
              <a:ext uri="{FF2B5EF4-FFF2-40B4-BE49-F238E27FC236}">
                <a16:creationId xmlns:a16="http://schemas.microsoft.com/office/drawing/2014/main" xmlns="" id="{4E137128-A44E-31E2-2044-228E16272696}"/>
              </a:ext>
            </a:extLst>
          </p:cNvPr>
          <p:cNvSpPr/>
          <p:nvPr/>
        </p:nvSpPr>
        <p:spPr>
          <a:xfrm>
            <a:off x="508658" y="1262774"/>
            <a:ext cx="2967790" cy="2126016"/>
          </a:xfrm>
          <a:custGeom>
            <a:avLst/>
            <a:gdLst/>
            <a:ahLst/>
            <a:cxnLst/>
            <a:rect l="l" t="t" r="r" b="b"/>
            <a:pathLst>
              <a:path w="1268345" h="908596">
                <a:moveTo>
                  <a:pt x="0" y="0"/>
                </a:moveTo>
                <a:lnTo>
                  <a:pt x="1268345" y="0"/>
                </a:lnTo>
                <a:lnTo>
                  <a:pt x="1268345" y="908596"/>
                </a:lnTo>
                <a:lnTo>
                  <a:pt x="0" y="908596"/>
                </a:lnTo>
                <a:lnTo>
                  <a:pt x="0" y="0"/>
                </a:lnTo>
                <a:close/>
              </a:path>
            </a:pathLst>
          </a:custGeom>
          <a:blipFill>
            <a:blip r:embed="rId6">
              <a:extLst>
                <a:ext uri="{96DAC541-7B7A-43D3-8B79-37D633B846F1}">
                  <asvg:svgBlip xmlns:asvg="http://schemas.microsoft.com/office/drawing/2016/SVG/main" xmlns="" r:embed="rId7"/>
                </a:ext>
              </a:extLst>
            </a:blip>
            <a:stretch>
              <a:fillRect/>
            </a:stretch>
          </a:blipFill>
        </p:spPr>
      </p:sp>
    </p:spTree>
    <p:custDataLst>
      <p:tags r:id="rId1"/>
    </p:custDataLst>
    <p:extLst>
      <p:ext uri="{BB962C8B-B14F-4D97-AF65-F5344CB8AC3E}">
        <p14:creationId xmlns:p14="http://schemas.microsoft.com/office/powerpoint/2010/main" val="2375097914"/>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6"/>
                                        </p:tgtEl>
                                        <p:attrNameLst>
                                          <p:attrName>style.visibility</p:attrName>
                                        </p:attrNameLst>
                                      </p:cBhvr>
                                      <p:to>
                                        <p:strVal val="visible"/>
                                      </p:to>
                                    </p:set>
                                    <p:animEffect transition="in" filter="wipe(left)">
                                      <p:cBhvr>
                                        <p:cTn id="7" dur="500"/>
                                        <p:tgtEl>
                                          <p:spTgt spid="26"/>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nodeType="clickEffect">
                                  <p:stCondLst>
                                    <p:cond delay="0"/>
                                  </p:stCondLst>
                                  <p:childTnLst>
                                    <p:set>
                                      <p:cBhvr>
                                        <p:cTn id="11" dur="1" fill="hold">
                                          <p:stCondLst>
                                            <p:cond delay="0"/>
                                          </p:stCondLst>
                                        </p:cTn>
                                        <p:tgtEl>
                                          <p:spTgt spid="21"/>
                                        </p:tgtEl>
                                        <p:attrNameLst>
                                          <p:attrName>style.visibility</p:attrName>
                                        </p:attrNameLst>
                                      </p:cBhvr>
                                      <p:to>
                                        <p:strVal val="visible"/>
                                      </p:to>
                                    </p:set>
                                    <p:animEffect transition="in" filter="wipe(up)">
                                      <p:cBhvr>
                                        <p:cTn id="12" dur="50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6"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943"/>
        <p:cNvGrpSpPr/>
        <p:nvPr/>
      </p:nvGrpSpPr>
      <p:grpSpPr>
        <a:xfrm>
          <a:off x="0" y="0"/>
          <a:ext cx="0" cy="0"/>
          <a:chOff x="0" y="0"/>
          <a:chExt cx="0" cy="0"/>
        </a:xfrm>
      </p:grpSpPr>
      <p:sp>
        <p:nvSpPr>
          <p:cNvPr id="3" name="Title 2">
            <a:extLst>
              <a:ext uri="{FF2B5EF4-FFF2-40B4-BE49-F238E27FC236}">
                <a16:creationId xmlns:a16="http://schemas.microsoft.com/office/drawing/2014/main" xmlns="" id="{7835C6E8-ED19-5DEC-8FB2-7AA012BA94E6}"/>
              </a:ext>
            </a:extLst>
          </p:cNvPr>
          <p:cNvSpPr>
            <a:spLocks noGrp="1"/>
          </p:cNvSpPr>
          <p:nvPr>
            <p:ph type="title"/>
          </p:nvPr>
        </p:nvSpPr>
        <p:spPr>
          <a:xfrm>
            <a:off x="720000" y="444403"/>
            <a:ext cx="7704000" cy="528519"/>
          </a:xfrm>
        </p:spPr>
        <p:txBody>
          <a:bodyPr anchor="ctr"/>
          <a:lstStyle/>
          <a:p>
            <a:pPr algn="ctr"/>
            <a:r>
              <a:rPr lang="vi-VN" sz="2400" b="1" dirty="0">
                <a:latin typeface="Arial" panose="020B0604020202020204" pitchFamily="34" charset="0"/>
                <a:cs typeface="Arial" panose="020B0604020202020204" pitchFamily="34" charset="0"/>
              </a:rPr>
              <a:t>Lựa chọn hướng đi sau THPT</a:t>
            </a:r>
          </a:p>
        </p:txBody>
      </p:sp>
      <p:sp>
        <p:nvSpPr>
          <p:cNvPr id="4" name="Rectangle: Diagonal Corners Rounded 3">
            <a:extLst>
              <a:ext uri="{FF2B5EF4-FFF2-40B4-BE49-F238E27FC236}">
                <a16:creationId xmlns:a16="http://schemas.microsoft.com/office/drawing/2014/main" xmlns="" id="{DB9A7A03-DD1F-6177-1956-16C0DCA0D861}"/>
              </a:ext>
            </a:extLst>
          </p:cNvPr>
          <p:cNvSpPr/>
          <p:nvPr/>
        </p:nvSpPr>
        <p:spPr>
          <a:xfrm>
            <a:off x="1060705" y="1181045"/>
            <a:ext cx="3204058" cy="2754534"/>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108000" rtlCol="0" anchor="ctr"/>
          <a:lstStyle/>
          <a:p>
            <a:pPr algn="just">
              <a:lnSpc>
                <a:spcPct val="150000"/>
              </a:lnSpc>
            </a:pPr>
            <a:r>
              <a:rPr lang="vi-VN" sz="1800" dirty="0">
                <a:solidFill>
                  <a:schemeClr val="tx1"/>
                </a:solidFill>
                <a:latin typeface="Arial" panose="020B0604020202020204" pitchFamily="34" charset="0"/>
                <a:cs typeface="Arial" panose="020B0604020202020204" pitchFamily="34" charset="0"/>
              </a:rPr>
              <a:t>Học tiếp THPT và lựa chọn các môn lĩnh vực khoa học tự nhiên, kĩ thuật, công nghệ như: Vật lý, hoá học, sinh học, công nghệ hoặc tin học.</a:t>
            </a:r>
          </a:p>
        </p:txBody>
      </p:sp>
      <p:sp>
        <p:nvSpPr>
          <p:cNvPr id="5" name="Rectangle: Diagonal Corners Rounded 4">
            <a:extLst>
              <a:ext uri="{FF2B5EF4-FFF2-40B4-BE49-F238E27FC236}">
                <a16:creationId xmlns:a16="http://schemas.microsoft.com/office/drawing/2014/main" xmlns="" id="{4E5596D5-63D3-7AA2-1716-A9523E79CBB3}"/>
              </a:ext>
            </a:extLst>
          </p:cNvPr>
          <p:cNvSpPr/>
          <p:nvPr/>
        </p:nvSpPr>
        <p:spPr>
          <a:xfrm>
            <a:off x="4784141" y="1181044"/>
            <a:ext cx="3299154" cy="1734120"/>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108000" rtlCol="0" anchor="ctr"/>
          <a:lstStyle/>
          <a:p>
            <a:pPr algn="just">
              <a:lnSpc>
                <a:spcPct val="150000"/>
              </a:lnSpc>
            </a:pPr>
            <a:r>
              <a:rPr lang="vi-VN" sz="1800" dirty="0"/>
              <a:t> Theo học chương trình đào tạo trình độ trung cấp những nghề nghiệp thuộc lĩnh vực kĩ thuật, công nghệ.</a:t>
            </a:r>
          </a:p>
        </p:txBody>
      </p:sp>
      <p:sp>
        <p:nvSpPr>
          <p:cNvPr id="6" name="Freeform 102">
            <a:extLst>
              <a:ext uri="{FF2B5EF4-FFF2-40B4-BE49-F238E27FC236}">
                <a16:creationId xmlns:a16="http://schemas.microsoft.com/office/drawing/2014/main" xmlns="" id="{F481D141-BA84-1E16-1B05-09405C29F9FB}"/>
              </a:ext>
            </a:extLst>
          </p:cNvPr>
          <p:cNvSpPr/>
          <p:nvPr/>
        </p:nvSpPr>
        <p:spPr>
          <a:xfrm>
            <a:off x="5058285" y="2915164"/>
            <a:ext cx="2750865" cy="2572061"/>
          </a:xfrm>
          <a:custGeom>
            <a:avLst/>
            <a:gdLst/>
            <a:ahLst/>
            <a:cxnLst/>
            <a:rect l="l" t="t" r="r" b="b"/>
            <a:pathLst>
              <a:path w="1196762" h="1118973">
                <a:moveTo>
                  <a:pt x="0" y="0"/>
                </a:moveTo>
                <a:lnTo>
                  <a:pt x="1196762" y="0"/>
                </a:lnTo>
                <a:lnTo>
                  <a:pt x="1196762" y="1118973"/>
                </a:lnTo>
                <a:lnTo>
                  <a:pt x="0" y="1118973"/>
                </a:lnTo>
                <a:lnTo>
                  <a:pt x="0" y="0"/>
                </a:lnTo>
                <a:close/>
              </a:path>
            </a:pathLst>
          </a:custGeom>
          <a:blipFill>
            <a:blip r:embed="rId4"/>
            <a:stretch>
              <a:fillRect/>
            </a:stretch>
          </a:blipFill>
        </p:spPr>
      </p:sp>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linds(horizontal)">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linds(horizontal)">
                                      <p:cBhvr>
                                        <p:cTn id="12"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2180"/>
        <p:cNvGrpSpPr/>
        <p:nvPr/>
      </p:nvGrpSpPr>
      <p:grpSpPr>
        <a:xfrm>
          <a:off x="0" y="0"/>
          <a:ext cx="0" cy="0"/>
          <a:chOff x="0" y="0"/>
          <a:chExt cx="0" cy="0"/>
        </a:xfrm>
      </p:grpSpPr>
      <p:sp>
        <p:nvSpPr>
          <p:cNvPr id="8" name="Arrow: Pentagon 7">
            <a:extLst>
              <a:ext uri="{FF2B5EF4-FFF2-40B4-BE49-F238E27FC236}">
                <a16:creationId xmlns:a16="http://schemas.microsoft.com/office/drawing/2014/main" xmlns="" id="{24087898-FB06-5611-A94B-8C8429CD20BB}"/>
              </a:ext>
            </a:extLst>
          </p:cNvPr>
          <p:cNvSpPr/>
          <p:nvPr/>
        </p:nvSpPr>
        <p:spPr>
          <a:xfrm>
            <a:off x="65838" y="572199"/>
            <a:ext cx="3525580" cy="570586"/>
          </a:xfrm>
          <a:prstGeom prst="homePlat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bIns="72000" rtlCol="0" anchor="ctr"/>
          <a:lstStyle/>
          <a:p>
            <a:pPr algn="ctr"/>
            <a:r>
              <a:rPr lang="vi-VN" sz="2400" b="1" dirty="0">
                <a:solidFill>
                  <a:schemeClr val="tx1">
                    <a:lumMod val="50000"/>
                  </a:schemeClr>
                </a:solidFill>
                <a:latin typeface="Arial" panose="020B0604020202020204" pitchFamily="34" charset="0"/>
                <a:cs typeface="Arial" panose="020B0604020202020204" pitchFamily="34" charset="0"/>
              </a:rPr>
              <a:t>ĐỒ VẬT MAY MẮN</a:t>
            </a:r>
            <a:endParaRPr lang="vi-VN" sz="2400" dirty="0">
              <a:effectLst/>
              <a:latin typeface="Arial" panose="020B0604020202020204" pitchFamily="34" charset="0"/>
              <a:cs typeface="Arial" panose="020B0604020202020204" pitchFamily="34" charset="0"/>
            </a:endParaRPr>
          </a:p>
        </p:txBody>
      </p:sp>
      <p:sp>
        <p:nvSpPr>
          <p:cNvPr id="22" name="Freeform 100">
            <a:extLst>
              <a:ext uri="{FF2B5EF4-FFF2-40B4-BE49-F238E27FC236}">
                <a16:creationId xmlns:a16="http://schemas.microsoft.com/office/drawing/2014/main" xmlns="" id="{ABD9D66B-673E-46CC-B4B9-D0AA3FB95B96}"/>
              </a:ext>
            </a:extLst>
          </p:cNvPr>
          <p:cNvSpPr/>
          <p:nvPr/>
        </p:nvSpPr>
        <p:spPr>
          <a:xfrm>
            <a:off x="2556395" y="3590200"/>
            <a:ext cx="4031209" cy="1659516"/>
          </a:xfrm>
          <a:custGeom>
            <a:avLst/>
            <a:gdLst/>
            <a:ahLst/>
            <a:cxnLst/>
            <a:rect l="l" t="t" r="r" b="b"/>
            <a:pathLst>
              <a:path w="1867396" h="768745">
                <a:moveTo>
                  <a:pt x="0" y="0"/>
                </a:moveTo>
                <a:lnTo>
                  <a:pt x="1867396" y="0"/>
                </a:lnTo>
                <a:lnTo>
                  <a:pt x="1867396" y="768745"/>
                </a:lnTo>
                <a:lnTo>
                  <a:pt x="0" y="768745"/>
                </a:lnTo>
                <a:lnTo>
                  <a:pt x="0" y="0"/>
                </a:lnTo>
                <a:close/>
              </a:path>
            </a:pathLst>
          </a:custGeom>
          <a:blipFill>
            <a:blip r:embed="rId4"/>
            <a:stretch>
              <a:fillRect/>
            </a:stretch>
          </a:blipFill>
        </p:spPr>
      </p:sp>
      <p:pic>
        <p:nvPicPr>
          <p:cNvPr id="3" name="Graphic 2" descr="Pencil">
            <a:hlinkClick r:id="rId5" action="ppaction://hlinksldjump"/>
            <a:extLst>
              <a:ext uri="{FF2B5EF4-FFF2-40B4-BE49-F238E27FC236}">
                <a16:creationId xmlns:a16="http://schemas.microsoft.com/office/drawing/2014/main" xmlns="" id="{727C937D-9D4E-8CF5-A9EB-2E711898DD6A}"/>
              </a:ext>
            </a:extLst>
          </p:cNvPr>
          <p:cNvPicPr>
            <a:picLocks noChangeAspect="1"/>
          </p:cNvPicPr>
          <p:nvPr/>
        </p:nvPicPr>
        <p:blipFill>
          <a:blip r:embed="rId6">
            <a:extLst>
              <a:ext uri="{96DAC541-7B7A-43D3-8B79-37D633B846F1}">
                <asvg:svgBlip xmlns:asvg="http://schemas.microsoft.com/office/drawing/2016/SVG/main" xmlns="" r:embed="rId7"/>
              </a:ext>
            </a:extLst>
          </a:blip>
          <a:srcRect/>
          <a:stretch/>
        </p:blipFill>
        <p:spPr>
          <a:xfrm>
            <a:off x="1414536" y="1426464"/>
            <a:ext cx="786098" cy="786098"/>
          </a:xfrm>
          <a:prstGeom prst="rect">
            <a:avLst/>
          </a:prstGeom>
        </p:spPr>
      </p:pic>
      <p:pic>
        <p:nvPicPr>
          <p:cNvPr id="5" name="Graphic 4" descr="Backpack">
            <a:hlinkClick r:id="rId8" action="ppaction://hlinksldjump"/>
            <a:extLst>
              <a:ext uri="{FF2B5EF4-FFF2-40B4-BE49-F238E27FC236}">
                <a16:creationId xmlns:a16="http://schemas.microsoft.com/office/drawing/2014/main" xmlns="" id="{586E518D-7F0E-D504-4FE2-10597F579BB5}"/>
              </a:ext>
            </a:extLst>
          </p:cNvPr>
          <p:cNvPicPr>
            <a:picLocks noChangeAspect="1"/>
          </p:cNvPicPr>
          <p:nvPr/>
        </p:nvPicPr>
        <p:blipFill>
          <a:blip r:embed="rId9">
            <a:extLst>
              <a:ext uri="{96DAC541-7B7A-43D3-8B79-37D633B846F1}">
                <asvg:svgBlip xmlns:asvg="http://schemas.microsoft.com/office/drawing/2016/SVG/main" xmlns="" r:embed="rId10"/>
              </a:ext>
            </a:extLst>
          </a:blip>
          <a:srcRect/>
          <a:stretch/>
        </p:blipFill>
        <p:spPr>
          <a:xfrm>
            <a:off x="1414536" y="2648726"/>
            <a:ext cx="786098" cy="786098"/>
          </a:xfrm>
          <a:prstGeom prst="rect">
            <a:avLst/>
          </a:prstGeom>
        </p:spPr>
      </p:pic>
      <p:pic>
        <p:nvPicPr>
          <p:cNvPr id="7" name="Graphic 6" descr="Microscope">
            <a:hlinkClick r:id="rId11" action="ppaction://hlinksldjump"/>
            <a:extLst>
              <a:ext uri="{FF2B5EF4-FFF2-40B4-BE49-F238E27FC236}">
                <a16:creationId xmlns:a16="http://schemas.microsoft.com/office/drawing/2014/main" xmlns="" id="{056AC0B7-81F1-774C-D152-2AC277E18E73}"/>
              </a:ext>
            </a:extLst>
          </p:cNvPr>
          <p:cNvPicPr>
            <a:picLocks noChangeAspect="1"/>
          </p:cNvPicPr>
          <p:nvPr/>
        </p:nvPicPr>
        <p:blipFill>
          <a:blip r:embed="rId12">
            <a:extLst>
              <a:ext uri="{96DAC541-7B7A-43D3-8B79-37D633B846F1}">
                <asvg:svgBlip xmlns:asvg="http://schemas.microsoft.com/office/drawing/2016/SVG/main" xmlns="" r:embed="rId13"/>
              </a:ext>
            </a:extLst>
          </a:blip>
          <a:srcRect/>
          <a:stretch/>
        </p:blipFill>
        <p:spPr>
          <a:xfrm>
            <a:off x="2912629" y="2648726"/>
            <a:ext cx="786098" cy="786098"/>
          </a:xfrm>
          <a:prstGeom prst="rect">
            <a:avLst/>
          </a:prstGeom>
        </p:spPr>
      </p:pic>
      <p:pic>
        <p:nvPicPr>
          <p:cNvPr id="23" name="Graphic 22" descr="Clock">
            <a:hlinkClick r:id="rId14" action="ppaction://hlinksldjump"/>
            <a:extLst>
              <a:ext uri="{FF2B5EF4-FFF2-40B4-BE49-F238E27FC236}">
                <a16:creationId xmlns:a16="http://schemas.microsoft.com/office/drawing/2014/main" xmlns="" id="{13E7BC29-BDCE-5F6F-2C34-6F3422456D8B}"/>
              </a:ext>
            </a:extLst>
          </p:cNvPr>
          <p:cNvPicPr>
            <a:picLocks noChangeAspect="1"/>
          </p:cNvPicPr>
          <p:nvPr/>
        </p:nvPicPr>
        <p:blipFill>
          <a:blip r:embed="rId15">
            <a:extLst>
              <a:ext uri="{96DAC541-7B7A-43D3-8B79-37D633B846F1}">
                <asvg:svgBlip xmlns:asvg="http://schemas.microsoft.com/office/drawing/2016/SVG/main" xmlns="" r:embed="rId16"/>
              </a:ext>
            </a:extLst>
          </a:blip>
          <a:srcRect/>
          <a:stretch/>
        </p:blipFill>
        <p:spPr>
          <a:xfrm>
            <a:off x="4410722" y="2648726"/>
            <a:ext cx="786098" cy="786098"/>
          </a:xfrm>
          <a:prstGeom prst="rect">
            <a:avLst/>
          </a:prstGeom>
        </p:spPr>
      </p:pic>
      <p:pic>
        <p:nvPicPr>
          <p:cNvPr id="25" name="Graphic 24" descr="Open book">
            <a:hlinkClick r:id="rId17" action="ppaction://hlinksldjump"/>
            <a:extLst>
              <a:ext uri="{FF2B5EF4-FFF2-40B4-BE49-F238E27FC236}">
                <a16:creationId xmlns:a16="http://schemas.microsoft.com/office/drawing/2014/main" xmlns="" id="{AA597E0B-9018-39C3-099F-543BA5FED97D}"/>
              </a:ext>
            </a:extLst>
          </p:cNvPr>
          <p:cNvPicPr>
            <a:picLocks noChangeAspect="1"/>
          </p:cNvPicPr>
          <p:nvPr/>
        </p:nvPicPr>
        <p:blipFill>
          <a:blip r:embed="rId18">
            <a:extLst>
              <a:ext uri="{96DAC541-7B7A-43D3-8B79-37D633B846F1}">
                <asvg:svgBlip xmlns:asvg="http://schemas.microsoft.com/office/drawing/2016/SVG/main" xmlns="" r:embed="rId19"/>
              </a:ext>
            </a:extLst>
          </a:blip>
          <a:srcRect/>
          <a:stretch/>
        </p:blipFill>
        <p:spPr>
          <a:xfrm>
            <a:off x="4410722" y="1426464"/>
            <a:ext cx="786098" cy="786098"/>
          </a:xfrm>
          <a:prstGeom prst="rect">
            <a:avLst/>
          </a:prstGeom>
        </p:spPr>
      </p:pic>
      <p:pic>
        <p:nvPicPr>
          <p:cNvPr id="27" name="Graphic 26" descr="Blackboard">
            <a:hlinkClick r:id="rId20" action="ppaction://hlinksldjump"/>
            <a:extLst>
              <a:ext uri="{FF2B5EF4-FFF2-40B4-BE49-F238E27FC236}">
                <a16:creationId xmlns:a16="http://schemas.microsoft.com/office/drawing/2014/main" xmlns="" id="{6735112C-D331-EB9C-7AFD-B35E349F4177}"/>
              </a:ext>
            </a:extLst>
          </p:cNvPr>
          <p:cNvPicPr>
            <a:picLocks noChangeAspect="1"/>
          </p:cNvPicPr>
          <p:nvPr/>
        </p:nvPicPr>
        <p:blipFill>
          <a:blip r:embed="rId21">
            <a:extLst>
              <a:ext uri="{96DAC541-7B7A-43D3-8B79-37D633B846F1}">
                <asvg:svgBlip xmlns:asvg="http://schemas.microsoft.com/office/drawing/2016/SVG/main" xmlns="" r:embed="rId22"/>
              </a:ext>
            </a:extLst>
          </a:blip>
          <a:srcRect/>
          <a:stretch/>
        </p:blipFill>
        <p:spPr>
          <a:xfrm>
            <a:off x="2912629" y="1426464"/>
            <a:ext cx="786098" cy="786098"/>
          </a:xfrm>
          <a:prstGeom prst="rect">
            <a:avLst/>
          </a:prstGeom>
        </p:spPr>
      </p:pic>
      <p:pic>
        <p:nvPicPr>
          <p:cNvPr id="33" name="Graphic 32" descr="Eraser">
            <a:hlinkClick r:id="rId23" action="ppaction://hlinksldjump"/>
            <a:extLst>
              <a:ext uri="{FF2B5EF4-FFF2-40B4-BE49-F238E27FC236}">
                <a16:creationId xmlns:a16="http://schemas.microsoft.com/office/drawing/2014/main" xmlns="" id="{2843368A-AC59-86D8-5510-C54E1D59B061}"/>
              </a:ext>
            </a:extLst>
          </p:cNvPr>
          <p:cNvPicPr>
            <a:picLocks noChangeAspect="1"/>
          </p:cNvPicPr>
          <p:nvPr/>
        </p:nvPicPr>
        <p:blipFill>
          <a:blip r:embed="rId24">
            <a:extLst>
              <a:ext uri="{96DAC541-7B7A-43D3-8B79-37D633B846F1}">
                <asvg:svgBlip xmlns:asvg="http://schemas.microsoft.com/office/drawing/2016/SVG/main" xmlns="" r:embed="rId25"/>
              </a:ext>
            </a:extLst>
          </a:blip>
          <a:srcRect/>
          <a:stretch/>
        </p:blipFill>
        <p:spPr>
          <a:xfrm>
            <a:off x="5908815" y="1426464"/>
            <a:ext cx="786098" cy="786098"/>
          </a:xfrm>
          <a:prstGeom prst="rect">
            <a:avLst/>
          </a:prstGeom>
        </p:spPr>
      </p:pic>
      <p:pic>
        <p:nvPicPr>
          <p:cNvPr id="2" name="Graphic 1" descr="Mathematics">
            <a:hlinkClick r:id="rId26" action="ppaction://hlinksldjump"/>
            <a:extLst>
              <a:ext uri="{FF2B5EF4-FFF2-40B4-BE49-F238E27FC236}">
                <a16:creationId xmlns:a16="http://schemas.microsoft.com/office/drawing/2014/main" xmlns="" id="{2B16F83A-281D-2C2C-497F-CC975E07849B}"/>
              </a:ext>
            </a:extLst>
          </p:cNvPr>
          <p:cNvPicPr>
            <a:picLocks noChangeAspect="1"/>
          </p:cNvPicPr>
          <p:nvPr/>
        </p:nvPicPr>
        <p:blipFill>
          <a:blip r:embed="rId27">
            <a:extLst>
              <a:ext uri="{96DAC541-7B7A-43D3-8B79-37D633B846F1}">
                <asvg:svgBlip xmlns:asvg="http://schemas.microsoft.com/office/drawing/2016/SVG/main" xmlns="" r:embed="rId28"/>
              </a:ext>
            </a:extLst>
          </a:blip>
          <a:srcRect/>
          <a:stretch/>
        </p:blipFill>
        <p:spPr>
          <a:xfrm>
            <a:off x="5908815" y="2648726"/>
            <a:ext cx="786098" cy="786098"/>
          </a:xfrm>
          <a:prstGeom prst="rect">
            <a:avLst/>
          </a:prstGeom>
        </p:spPr>
      </p:pic>
      <p:pic>
        <p:nvPicPr>
          <p:cNvPr id="4" name="Graphic 3" descr="Scissors">
            <a:hlinkClick r:id="rId29" action="ppaction://hlinksldjump"/>
            <a:extLst>
              <a:ext uri="{FF2B5EF4-FFF2-40B4-BE49-F238E27FC236}">
                <a16:creationId xmlns:a16="http://schemas.microsoft.com/office/drawing/2014/main" xmlns="" id="{CD943831-A532-77B8-93B0-94FFBF5AF4AC}"/>
              </a:ext>
            </a:extLst>
          </p:cNvPr>
          <p:cNvPicPr>
            <a:picLocks noChangeAspect="1"/>
          </p:cNvPicPr>
          <p:nvPr/>
        </p:nvPicPr>
        <p:blipFill>
          <a:blip r:embed="rId30">
            <a:extLst>
              <a:ext uri="{96DAC541-7B7A-43D3-8B79-37D633B846F1}">
                <asvg:svgBlip xmlns:asvg="http://schemas.microsoft.com/office/drawing/2016/SVG/main" xmlns="" r:embed="rId31"/>
              </a:ext>
            </a:extLst>
          </a:blip>
          <a:srcRect/>
          <a:stretch/>
        </p:blipFill>
        <p:spPr>
          <a:xfrm>
            <a:off x="7406908" y="1426464"/>
            <a:ext cx="786098" cy="786098"/>
          </a:xfrm>
          <a:prstGeom prst="rect">
            <a:avLst/>
          </a:prstGeom>
        </p:spPr>
      </p:pic>
      <p:pic>
        <p:nvPicPr>
          <p:cNvPr id="6" name="Graphic 5" descr="Globe">
            <a:hlinkClick r:id="" action="ppaction://noaction"/>
            <a:extLst>
              <a:ext uri="{FF2B5EF4-FFF2-40B4-BE49-F238E27FC236}">
                <a16:creationId xmlns:a16="http://schemas.microsoft.com/office/drawing/2014/main" xmlns="" id="{FDF1C6D1-A3AC-14CE-5A90-3F4653CDF09A}"/>
              </a:ext>
            </a:extLst>
          </p:cNvPr>
          <p:cNvPicPr>
            <a:picLocks noChangeAspect="1"/>
          </p:cNvPicPr>
          <p:nvPr/>
        </p:nvPicPr>
        <p:blipFill>
          <a:blip r:embed="rId32">
            <a:extLst>
              <a:ext uri="{96DAC541-7B7A-43D3-8B79-37D633B846F1}">
                <asvg:svgBlip xmlns:asvg="http://schemas.microsoft.com/office/drawing/2016/SVG/main" xmlns="" r:embed="rId33"/>
              </a:ext>
            </a:extLst>
          </a:blip>
          <a:srcRect/>
          <a:stretch/>
        </p:blipFill>
        <p:spPr>
          <a:xfrm>
            <a:off x="7406908" y="2648726"/>
            <a:ext cx="786098" cy="786098"/>
          </a:xfrm>
          <a:prstGeom prst="rect">
            <a:avLst/>
          </a:prstGeom>
        </p:spPr>
      </p:pic>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32" presetClass="emph" presetSubtype="0" repeatCount="indefinite" fill="hold" nodeType="withEffect">
                                  <p:stCondLst>
                                    <p:cond delay="0"/>
                                  </p:stCondLst>
                                  <p:endCondLst>
                                    <p:cond evt="onNext" delay="0">
                                      <p:tgtEl>
                                        <p:sldTgt/>
                                      </p:tgtEl>
                                    </p:cond>
                                  </p:endCondLst>
                                  <p:childTnLst>
                                    <p:animRot by="120000">
                                      <p:cBhvr>
                                        <p:cTn id="6" dur="100" fill="hold">
                                          <p:stCondLst>
                                            <p:cond delay="0"/>
                                          </p:stCondLst>
                                        </p:cTn>
                                        <p:tgtEl>
                                          <p:spTgt spid="3"/>
                                        </p:tgtEl>
                                        <p:attrNameLst>
                                          <p:attrName>r</p:attrName>
                                        </p:attrNameLst>
                                      </p:cBhvr>
                                    </p:animRot>
                                    <p:animRot by="-240000">
                                      <p:cBhvr>
                                        <p:cTn id="7" dur="200" fill="hold">
                                          <p:stCondLst>
                                            <p:cond delay="200"/>
                                          </p:stCondLst>
                                        </p:cTn>
                                        <p:tgtEl>
                                          <p:spTgt spid="3"/>
                                        </p:tgtEl>
                                        <p:attrNameLst>
                                          <p:attrName>r</p:attrName>
                                        </p:attrNameLst>
                                      </p:cBhvr>
                                    </p:animRot>
                                    <p:animRot by="240000">
                                      <p:cBhvr>
                                        <p:cTn id="8" dur="200" fill="hold">
                                          <p:stCondLst>
                                            <p:cond delay="400"/>
                                          </p:stCondLst>
                                        </p:cTn>
                                        <p:tgtEl>
                                          <p:spTgt spid="3"/>
                                        </p:tgtEl>
                                        <p:attrNameLst>
                                          <p:attrName>r</p:attrName>
                                        </p:attrNameLst>
                                      </p:cBhvr>
                                    </p:animRot>
                                    <p:animRot by="-240000">
                                      <p:cBhvr>
                                        <p:cTn id="9" dur="200" fill="hold">
                                          <p:stCondLst>
                                            <p:cond delay="600"/>
                                          </p:stCondLst>
                                        </p:cTn>
                                        <p:tgtEl>
                                          <p:spTgt spid="3"/>
                                        </p:tgtEl>
                                        <p:attrNameLst>
                                          <p:attrName>r</p:attrName>
                                        </p:attrNameLst>
                                      </p:cBhvr>
                                    </p:animRot>
                                    <p:animRot by="120000">
                                      <p:cBhvr>
                                        <p:cTn id="10" dur="200" fill="hold">
                                          <p:stCondLst>
                                            <p:cond delay="800"/>
                                          </p:stCondLst>
                                        </p:cTn>
                                        <p:tgtEl>
                                          <p:spTgt spid="3"/>
                                        </p:tgtEl>
                                        <p:attrNameLst>
                                          <p:attrName>r</p:attrName>
                                        </p:attrNameLst>
                                      </p:cBhvr>
                                    </p:animRot>
                                  </p:childTnLst>
                                </p:cTn>
                              </p:par>
                              <p:par>
                                <p:cTn id="11" presetID="32" presetClass="emph" presetSubtype="0" repeatCount="indefinite" fill="hold" nodeType="withEffect">
                                  <p:stCondLst>
                                    <p:cond delay="0"/>
                                  </p:stCondLst>
                                  <p:endCondLst>
                                    <p:cond evt="onNext" delay="0">
                                      <p:tgtEl>
                                        <p:sldTgt/>
                                      </p:tgtEl>
                                    </p:cond>
                                  </p:endCondLst>
                                  <p:childTnLst>
                                    <p:animRot by="120000">
                                      <p:cBhvr>
                                        <p:cTn id="12" dur="100" fill="hold">
                                          <p:stCondLst>
                                            <p:cond delay="0"/>
                                          </p:stCondLst>
                                        </p:cTn>
                                        <p:tgtEl>
                                          <p:spTgt spid="5"/>
                                        </p:tgtEl>
                                        <p:attrNameLst>
                                          <p:attrName>r</p:attrName>
                                        </p:attrNameLst>
                                      </p:cBhvr>
                                    </p:animRot>
                                    <p:animRot by="-240000">
                                      <p:cBhvr>
                                        <p:cTn id="13" dur="200" fill="hold">
                                          <p:stCondLst>
                                            <p:cond delay="200"/>
                                          </p:stCondLst>
                                        </p:cTn>
                                        <p:tgtEl>
                                          <p:spTgt spid="5"/>
                                        </p:tgtEl>
                                        <p:attrNameLst>
                                          <p:attrName>r</p:attrName>
                                        </p:attrNameLst>
                                      </p:cBhvr>
                                    </p:animRot>
                                    <p:animRot by="240000">
                                      <p:cBhvr>
                                        <p:cTn id="14" dur="200" fill="hold">
                                          <p:stCondLst>
                                            <p:cond delay="400"/>
                                          </p:stCondLst>
                                        </p:cTn>
                                        <p:tgtEl>
                                          <p:spTgt spid="5"/>
                                        </p:tgtEl>
                                        <p:attrNameLst>
                                          <p:attrName>r</p:attrName>
                                        </p:attrNameLst>
                                      </p:cBhvr>
                                    </p:animRot>
                                    <p:animRot by="-240000">
                                      <p:cBhvr>
                                        <p:cTn id="15" dur="200" fill="hold">
                                          <p:stCondLst>
                                            <p:cond delay="600"/>
                                          </p:stCondLst>
                                        </p:cTn>
                                        <p:tgtEl>
                                          <p:spTgt spid="5"/>
                                        </p:tgtEl>
                                        <p:attrNameLst>
                                          <p:attrName>r</p:attrName>
                                        </p:attrNameLst>
                                      </p:cBhvr>
                                    </p:animRot>
                                    <p:animRot by="120000">
                                      <p:cBhvr>
                                        <p:cTn id="16" dur="200" fill="hold">
                                          <p:stCondLst>
                                            <p:cond delay="800"/>
                                          </p:stCondLst>
                                        </p:cTn>
                                        <p:tgtEl>
                                          <p:spTgt spid="5"/>
                                        </p:tgtEl>
                                        <p:attrNameLst>
                                          <p:attrName>r</p:attrName>
                                        </p:attrNameLst>
                                      </p:cBhvr>
                                    </p:animRot>
                                  </p:childTnLst>
                                </p:cTn>
                              </p:par>
                              <p:par>
                                <p:cTn id="17" presetID="32" presetClass="emph" presetSubtype="0" repeatCount="indefinite" fill="hold" nodeType="withEffect">
                                  <p:stCondLst>
                                    <p:cond delay="0"/>
                                  </p:stCondLst>
                                  <p:endCondLst>
                                    <p:cond evt="onNext" delay="0">
                                      <p:tgtEl>
                                        <p:sldTgt/>
                                      </p:tgtEl>
                                    </p:cond>
                                  </p:endCondLst>
                                  <p:childTnLst>
                                    <p:animRot by="120000">
                                      <p:cBhvr>
                                        <p:cTn id="18" dur="100" fill="hold">
                                          <p:stCondLst>
                                            <p:cond delay="0"/>
                                          </p:stCondLst>
                                        </p:cTn>
                                        <p:tgtEl>
                                          <p:spTgt spid="7"/>
                                        </p:tgtEl>
                                        <p:attrNameLst>
                                          <p:attrName>r</p:attrName>
                                        </p:attrNameLst>
                                      </p:cBhvr>
                                    </p:animRot>
                                    <p:animRot by="-240000">
                                      <p:cBhvr>
                                        <p:cTn id="19" dur="200" fill="hold">
                                          <p:stCondLst>
                                            <p:cond delay="200"/>
                                          </p:stCondLst>
                                        </p:cTn>
                                        <p:tgtEl>
                                          <p:spTgt spid="7"/>
                                        </p:tgtEl>
                                        <p:attrNameLst>
                                          <p:attrName>r</p:attrName>
                                        </p:attrNameLst>
                                      </p:cBhvr>
                                    </p:animRot>
                                    <p:animRot by="240000">
                                      <p:cBhvr>
                                        <p:cTn id="20" dur="200" fill="hold">
                                          <p:stCondLst>
                                            <p:cond delay="400"/>
                                          </p:stCondLst>
                                        </p:cTn>
                                        <p:tgtEl>
                                          <p:spTgt spid="7"/>
                                        </p:tgtEl>
                                        <p:attrNameLst>
                                          <p:attrName>r</p:attrName>
                                        </p:attrNameLst>
                                      </p:cBhvr>
                                    </p:animRot>
                                    <p:animRot by="-240000">
                                      <p:cBhvr>
                                        <p:cTn id="21" dur="200" fill="hold">
                                          <p:stCondLst>
                                            <p:cond delay="600"/>
                                          </p:stCondLst>
                                        </p:cTn>
                                        <p:tgtEl>
                                          <p:spTgt spid="7"/>
                                        </p:tgtEl>
                                        <p:attrNameLst>
                                          <p:attrName>r</p:attrName>
                                        </p:attrNameLst>
                                      </p:cBhvr>
                                    </p:animRot>
                                    <p:animRot by="120000">
                                      <p:cBhvr>
                                        <p:cTn id="22" dur="200" fill="hold">
                                          <p:stCondLst>
                                            <p:cond delay="800"/>
                                          </p:stCondLst>
                                        </p:cTn>
                                        <p:tgtEl>
                                          <p:spTgt spid="7"/>
                                        </p:tgtEl>
                                        <p:attrNameLst>
                                          <p:attrName>r</p:attrName>
                                        </p:attrNameLst>
                                      </p:cBhvr>
                                    </p:animRot>
                                  </p:childTnLst>
                                </p:cTn>
                              </p:par>
                              <p:par>
                                <p:cTn id="23" presetID="32" presetClass="emph" presetSubtype="0" repeatCount="indefinite" fill="hold" nodeType="withEffect">
                                  <p:stCondLst>
                                    <p:cond delay="0"/>
                                  </p:stCondLst>
                                  <p:endCondLst>
                                    <p:cond evt="onNext" delay="0">
                                      <p:tgtEl>
                                        <p:sldTgt/>
                                      </p:tgtEl>
                                    </p:cond>
                                  </p:endCondLst>
                                  <p:childTnLst>
                                    <p:animRot by="120000">
                                      <p:cBhvr>
                                        <p:cTn id="24" dur="100" fill="hold">
                                          <p:stCondLst>
                                            <p:cond delay="0"/>
                                          </p:stCondLst>
                                        </p:cTn>
                                        <p:tgtEl>
                                          <p:spTgt spid="23"/>
                                        </p:tgtEl>
                                        <p:attrNameLst>
                                          <p:attrName>r</p:attrName>
                                        </p:attrNameLst>
                                      </p:cBhvr>
                                    </p:animRot>
                                    <p:animRot by="-240000">
                                      <p:cBhvr>
                                        <p:cTn id="25" dur="200" fill="hold">
                                          <p:stCondLst>
                                            <p:cond delay="200"/>
                                          </p:stCondLst>
                                        </p:cTn>
                                        <p:tgtEl>
                                          <p:spTgt spid="23"/>
                                        </p:tgtEl>
                                        <p:attrNameLst>
                                          <p:attrName>r</p:attrName>
                                        </p:attrNameLst>
                                      </p:cBhvr>
                                    </p:animRot>
                                    <p:animRot by="240000">
                                      <p:cBhvr>
                                        <p:cTn id="26" dur="200" fill="hold">
                                          <p:stCondLst>
                                            <p:cond delay="400"/>
                                          </p:stCondLst>
                                        </p:cTn>
                                        <p:tgtEl>
                                          <p:spTgt spid="23"/>
                                        </p:tgtEl>
                                        <p:attrNameLst>
                                          <p:attrName>r</p:attrName>
                                        </p:attrNameLst>
                                      </p:cBhvr>
                                    </p:animRot>
                                    <p:animRot by="-240000">
                                      <p:cBhvr>
                                        <p:cTn id="27" dur="200" fill="hold">
                                          <p:stCondLst>
                                            <p:cond delay="600"/>
                                          </p:stCondLst>
                                        </p:cTn>
                                        <p:tgtEl>
                                          <p:spTgt spid="23"/>
                                        </p:tgtEl>
                                        <p:attrNameLst>
                                          <p:attrName>r</p:attrName>
                                        </p:attrNameLst>
                                      </p:cBhvr>
                                    </p:animRot>
                                    <p:animRot by="120000">
                                      <p:cBhvr>
                                        <p:cTn id="28" dur="200" fill="hold">
                                          <p:stCondLst>
                                            <p:cond delay="800"/>
                                          </p:stCondLst>
                                        </p:cTn>
                                        <p:tgtEl>
                                          <p:spTgt spid="23"/>
                                        </p:tgtEl>
                                        <p:attrNameLst>
                                          <p:attrName>r</p:attrName>
                                        </p:attrNameLst>
                                      </p:cBhvr>
                                    </p:animRot>
                                  </p:childTnLst>
                                </p:cTn>
                              </p:par>
                              <p:par>
                                <p:cTn id="29" presetID="32" presetClass="emph" presetSubtype="0" repeatCount="indefinite" fill="hold" nodeType="withEffect">
                                  <p:stCondLst>
                                    <p:cond delay="0"/>
                                  </p:stCondLst>
                                  <p:endCondLst>
                                    <p:cond evt="onNext" delay="0">
                                      <p:tgtEl>
                                        <p:sldTgt/>
                                      </p:tgtEl>
                                    </p:cond>
                                  </p:endCondLst>
                                  <p:childTnLst>
                                    <p:animRot by="120000">
                                      <p:cBhvr>
                                        <p:cTn id="30" dur="100" fill="hold">
                                          <p:stCondLst>
                                            <p:cond delay="0"/>
                                          </p:stCondLst>
                                        </p:cTn>
                                        <p:tgtEl>
                                          <p:spTgt spid="25"/>
                                        </p:tgtEl>
                                        <p:attrNameLst>
                                          <p:attrName>r</p:attrName>
                                        </p:attrNameLst>
                                      </p:cBhvr>
                                    </p:animRot>
                                    <p:animRot by="-240000">
                                      <p:cBhvr>
                                        <p:cTn id="31" dur="200" fill="hold">
                                          <p:stCondLst>
                                            <p:cond delay="200"/>
                                          </p:stCondLst>
                                        </p:cTn>
                                        <p:tgtEl>
                                          <p:spTgt spid="25"/>
                                        </p:tgtEl>
                                        <p:attrNameLst>
                                          <p:attrName>r</p:attrName>
                                        </p:attrNameLst>
                                      </p:cBhvr>
                                    </p:animRot>
                                    <p:animRot by="240000">
                                      <p:cBhvr>
                                        <p:cTn id="32" dur="200" fill="hold">
                                          <p:stCondLst>
                                            <p:cond delay="400"/>
                                          </p:stCondLst>
                                        </p:cTn>
                                        <p:tgtEl>
                                          <p:spTgt spid="25"/>
                                        </p:tgtEl>
                                        <p:attrNameLst>
                                          <p:attrName>r</p:attrName>
                                        </p:attrNameLst>
                                      </p:cBhvr>
                                    </p:animRot>
                                    <p:animRot by="-240000">
                                      <p:cBhvr>
                                        <p:cTn id="33" dur="200" fill="hold">
                                          <p:stCondLst>
                                            <p:cond delay="600"/>
                                          </p:stCondLst>
                                        </p:cTn>
                                        <p:tgtEl>
                                          <p:spTgt spid="25"/>
                                        </p:tgtEl>
                                        <p:attrNameLst>
                                          <p:attrName>r</p:attrName>
                                        </p:attrNameLst>
                                      </p:cBhvr>
                                    </p:animRot>
                                    <p:animRot by="120000">
                                      <p:cBhvr>
                                        <p:cTn id="34" dur="200" fill="hold">
                                          <p:stCondLst>
                                            <p:cond delay="800"/>
                                          </p:stCondLst>
                                        </p:cTn>
                                        <p:tgtEl>
                                          <p:spTgt spid="25"/>
                                        </p:tgtEl>
                                        <p:attrNameLst>
                                          <p:attrName>r</p:attrName>
                                        </p:attrNameLst>
                                      </p:cBhvr>
                                    </p:animRot>
                                  </p:childTnLst>
                                </p:cTn>
                              </p:par>
                              <p:par>
                                <p:cTn id="35" presetID="32" presetClass="emph" presetSubtype="0" repeatCount="indefinite" fill="hold" nodeType="withEffect">
                                  <p:stCondLst>
                                    <p:cond delay="0"/>
                                  </p:stCondLst>
                                  <p:endCondLst>
                                    <p:cond evt="onNext" delay="0">
                                      <p:tgtEl>
                                        <p:sldTgt/>
                                      </p:tgtEl>
                                    </p:cond>
                                  </p:endCondLst>
                                  <p:childTnLst>
                                    <p:animRot by="120000">
                                      <p:cBhvr>
                                        <p:cTn id="36" dur="100" fill="hold">
                                          <p:stCondLst>
                                            <p:cond delay="0"/>
                                          </p:stCondLst>
                                        </p:cTn>
                                        <p:tgtEl>
                                          <p:spTgt spid="27"/>
                                        </p:tgtEl>
                                        <p:attrNameLst>
                                          <p:attrName>r</p:attrName>
                                        </p:attrNameLst>
                                      </p:cBhvr>
                                    </p:animRot>
                                    <p:animRot by="-240000">
                                      <p:cBhvr>
                                        <p:cTn id="37" dur="200" fill="hold">
                                          <p:stCondLst>
                                            <p:cond delay="200"/>
                                          </p:stCondLst>
                                        </p:cTn>
                                        <p:tgtEl>
                                          <p:spTgt spid="27"/>
                                        </p:tgtEl>
                                        <p:attrNameLst>
                                          <p:attrName>r</p:attrName>
                                        </p:attrNameLst>
                                      </p:cBhvr>
                                    </p:animRot>
                                    <p:animRot by="240000">
                                      <p:cBhvr>
                                        <p:cTn id="38" dur="200" fill="hold">
                                          <p:stCondLst>
                                            <p:cond delay="400"/>
                                          </p:stCondLst>
                                        </p:cTn>
                                        <p:tgtEl>
                                          <p:spTgt spid="27"/>
                                        </p:tgtEl>
                                        <p:attrNameLst>
                                          <p:attrName>r</p:attrName>
                                        </p:attrNameLst>
                                      </p:cBhvr>
                                    </p:animRot>
                                    <p:animRot by="-240000">
                                      <p:cBhvr>
                                        <p:cTn id="39" dur="200" fill="hold">
                                          <p:stCondLst>
                                            <p:cond delay="600"/>
                                          </p:stCondLst>
                                        </p:cTn>
                                        <p:tgtEl>
                                          <p:spTgt spid="27"/>
                                        </p:tgtEl>
                                        <p:attrNameLst>
                                          <p:attrName>r</p:attrName>
                                        </p:attrNameLst>
                                      </p:cBhvr>
                                    </p:animRot>
                                    <p:animRot by="120000">
                                      <p:cBhvr>
                                        <p:cTn id="40" dur="200" fill="hold">
                                          <p:stCondLst>
                                            <p:cond delay="800"/>
                                          </p:stCondLst>
                                        </p:cTn>
                                        <p:tgtEl>
                                          <p:spTgt spid="27"/>
                                        </p:tgtEl>
                                        <p:attrNameLst>
                                          <p:attrName>r</p:attrName>
                                        </p:attrNameLst>
                                      </p:cBhvr>
                                    </p:animRot>
                                  </p:childTnLst>
                                </p:cTn>
                              </p:par>
                              <p:par>
                                <p:cTn id="41" presetID="32" presetClass="emph" presetSubtype="0" repeatCount="indefinite" fill="hold" nodeType="withEffect">
                                  <p:stCondLst>
                                    <p:cond delay="0"/>
                                  </p:stCondLst>
                                  <p:endCondLst>
                                    <p:cond evt="onNext" delay="0">
                                      <p:tgtEl>
                                        <p:sldTgt/>
                                      </p:tgtEl>
                                    </p:cond>
                                  </p:endCondLst>
                                  <p:childTnLst>
                                    <p:animRot by="120000">
                                      <p:cBhvr>
                                        <p:cTn id="42" dur="100" fill="hold">
                                          <p:stCondLst>
                                            <p:cond delay="0"/>
                                          </p:stCondLst>
                                        </p:cTn>
                                        <p:tgtEl>
                                          <p:spTgt spid="33"/>
                                        </p:tgtEl>
                                        <p:attrNameLst>
                                          <p:attrName>r</p:attrName>
                                        </p:attrNameLst>
                                      </p:cBhvr>
                                    </p:animRot>
                                    <p:animRot by="-240000">
                                      <p:cBhvr>
                                        <p:cTn id="43" dur="200" fill="hold">
                                          <p:stCondLst>
                                            <p:cond delay="200"/>
                                          </p:stCondLst>
                                        </p:cTn>
                                        <p:tgtEl>
                                          <p:spTgt spid="33"/>
                                        </p:tgtEl>
                                        <p:attrNameLst>
                                          <p:attrName>r</p:attrName>
                                        </p:attrNameLst>
                                      </p:cBhvr>
                                    </p:animRot>
                                    <p:animRot by="240000">
                                      <p:cBhvr>
                                        <p:cTn id="44" dur="200" fill="hold">
                                          <p:stCondLst>
                                            <p:cond delay="400"/>
                                          </p:stCondLst>
                                        </p:cTn>
                                        <p:tgtEl>
                                          <p:spTgt spid="33"/>
                                        </p:tgtEl>
                                        <p:attrNameLst>
                                          <p:attrName>r</p:attrName>
                                        </p:attrNameLst>
                                      </p:cBhvr>
                                    </p:animRot>
                                    <p:animRot by="-240000">
                                      <p:cBhvr>
                                        <p:cTn id="45" dur="200" fill="hold">
                                          <p:stCondLst>
                                            <p:cond delay="600"/>
                                          </p:stCondLst>
                                        </p:cTn>
                                        <p:tgtEl>
                                          <p:spTgt spid="33"/>
                                        </p:tgtEl>
                                        <p:attrNameLst>
                                          <p:attrName>r</p:attrName>
                                        </p:attrNameLst>
                                      </p:cBhvr>
                                    </p:animRot>
                                    <p:animRot by="120000">
                                      <p:cBhvr>
                                        <p:cTn id="46" dur="200" fill="hold">
                                          <p:stCondLst>
                                            <p:cond delay="800"/>
                                          </p:stCondLst>
                                        </p:cTn>
                                        <p:tgtEl>
                                          <p:spTgt spid="33"/>
                                        </p:tgtEl>
                                        <p:attrNameLst>
                                          <p:attrName>r</p:attrName>
                                        </p:attrNameLst>
                                      </p:cBhvr>
                                    </p:animRot>
                                  </p:childTnLst>
                                </p:cTn>
                              </p:par>
                              <p:par>
                                <p:cTn id="47" presetID="32" presetClass="emph" presetSubtype="0" repeatCount="indefinite" fill="hold" nodeType="withEffect">
                                  <p:stCondLst>
                                    <p:cond delay="0"/>
                                  </p:stCondLst>
                                  <p:endCondLst>
                                    <p:cond evt="onNext" delay="0">
                                      <p:tgtEl>
                                        <p:sldTgt/>
                                      </p:tgtEl>
                                    </p:cond>
                                  </p:endCondLst>
                                  <p:childTnLst>
                                    <p:animRot by="120000">
                                      <p:cBhvr>
                                        <p:cTn id="48" dur="100" fill="hold">
                                          <p:stCondLst>
                                            <p:cond delay="0"/>
                                          </p:stCondLst>
                                        </p:cTn>
                                        <p:tgtEl>
                                          <p:spTgt spid="2"/>
                                        </p:tgtEl>
                                        <p:attrNameLst>
                                          <p:attrName>r</p:attrName>
                                        </p:attrNameLst>
                                      </p:cBhvr>
                                    </p:animRot>
                                    <p:animRot by="-240000">
                                      <p:cBhvr>
                                        <p:cTn id="49" dur="200" fill="hold">
                                          <p:stCondLst>
                                            <p:cond delay="200"/>
                                          </p:stCondLst>
                                        </p:cTn>
                                        <p:tgtEl>
                                          <p:spTgt spid="2"/>
                                        </p:tgtEl>
                                        <p:attrNameLst>
                                          <p:attrName>r</p:attrName>
                                        </p:attrNameLst>
                                      </p:cBhvr>
                                    </p:animRot>
                                    <p:animRot by="240000">
                                      <p:cBhvr>
                                        <p:cTn id="50" dur="200" fill="hold">
                                          <p:stCondLst>
                                            <p:cond delay="400"/>
                                          </p:stCondLst>
                                        </p:cTn>
                                        <p:tgtEl>
                                          <p:spTgt spid="2"/>
                                        </p:tgtEl>
                                        <p:attrNameLst>
                                          <p:attrName>r</p:attrName>
                                        </p:attrNameLst>
                                      </p:cBhvr>
                                    </p:animRot>
                                    <p:animRot by="-240000">
                                      <p:cBhvr>
                                        <p:cTn id="51" dur="200" fill="hold">
                                          <p:stCondLst>
                                            <p:cond delay="600"/>
                                          </p:stCondLst>
                                        </p:cTn>
                                        <p:tgtEl>
                                          <p:spTgt spid="2"/>
                                        </p:tgtEl>
                                        <p:attrNameLst>
                                          <p:attrName>r</p:attrName>
                                        </p:attrNameLst>
                                      </p:cBhvr>
                                    </p:animRot>
                                    <p:animRot by="120000">
                                      <p:cBhvr>
                                        <p:cTn id="52" dur="200" fill="hold">
                                          <p:stCondLst>
                                            <p:cond delay="800"/>
                                          </p:stCondLst>
                                        </p:cTn>
                                        <p:tgtEl>
                                          <p:spTgt spid="2"/>
                                        </p:tgtEl>
                                        <p:attrNameLst>
                                          <p:attrName>r</p:attrName>
                                        </p:attrNameLst>
                                      </p:cBhvr>
                                    </p:animRot>
                                  </p:childTnLst>
                                </p:cTn>
                              </p:par>
                              <p:par>
                                <p:cTn id="53" presetID="32" presetClass="emph" presetSubtype="0" repeatCount="indefinite" fill="hold" nodeType="withEffect">
                                  <p:stCondLst>
                                    <p:cond delay="0"/>
                                  </p:stCondLst>
                                  <p:endCondLst>
                                    <p:cond evt="onNext" delay="0">
                                      <p:tgtEl>
                                        <p:sldTgt/>
                                      </p:tgtEl>
                                    </p:cond>
                                  </p:endCondLst>
                                  <p:childTnLst>
                                    <p:animRot by="120000">
                                      <p:cBhvr>
                                        <p:cTn id="54" dur="100" fill="hold">
                                          <p:stCondLst>
                                            <p:cond delay="0"/>
                                          </p:stCondLst>
                                        </p:cTn>
                                        <p:tgtEl>
                                          <p:spTgt spid="4"/>
                                        </p:tgtEl>
                                        <p:attrNameLst>
                                          <p:attrName>r</p:attrName>
                                        </p:attrNameLst>
                                      </p:cBhvr>
                                    </p:animRot>
                                    <p:animRot by="-240000">
                                      <p:cBhvr>
                                        <p:cTn id="55" dur="200" fill="hold">
                                          <p:stCondLst>
                                            <p:cond delay="200"/>
                                          </p:stCondLst>
                                        </p:cTn>
                                        <p:tgtEl>
                                          <p:spTgt spid="4"/>
                                        </p:tgtEl>
                                        <p:attrNameLst>
                                          <p:attrName>r</p:attrName>
                                        </p:attrNameLst>
                                      </p:cBhvr>
                                    </p:animRot>
                                    <p:animRot by="240000">
                                      <p:cBhvr>
                                        <p:cTn id="56" dur="200" fill="hold">
                                          <p:stCondLst>
                                            <p:cond delay="400"/>
                                          </p:stCondLst>
                                        </p:cTn>
                                        <p:tgtEl>
                                          <p:spTgt spid="4"/>
                                        </p:tgtEl>
                                        <p:attrNameLst>
                                          <p:attrName>r</p:attrName>
                                        </p:attrNameLst>
                                      </p:cBhvr>
                                    </p:animRot>
                                    <p:animRot by="-240000">
                                      <p:cBhvr>
                                        <p:cTn id="57" dur="200" fill="hold">
                                          <p:stCondLst>
                                            <p:cond delay="600"/>
                                          </p:stCondLst>
                                        </p:cTn>
                                        <p:tgtEl>
                                          <p:spTgt spid="4"/>
                                        </p:tgtEl>
                                        <p:attrNameLst>
                                          <p:attrName>r</p:attrName>
                                        </p:attrNameLst>
                                      </p:cBhvr>
                                    </p:animRot>
                                    <p:animRot by="120000">
                                      <p:cBhvr>
                                        <p:cTn id="58" dur="200" fill="hold">
                                          <p:stCondLst>
                                            <p:cond delay="800"/>
                                          </p:stCondLst>
                                        </p:cTn>
                                        <p:tgtEl>
                                          <p:spTgt spid="4"/>
                                        </p:tgtEl>
                                        <p:attrNameLst>
                                          <p:attrName>r</p:attrName>
                                        </p:attrNameLst>
                                      </p:cBhvr>
                                    </p:animRot>
                                  </p:childTnLst>
                                </p:cTn>
                              </p:par>
                              <p:par>
                                <p:cTn id="59" presetID="32" presetClass="emph" presetSubtype="0" repeatCount="indefinite" fill="hold" nodeType="withEffect">
                                  <p:stCondLst>
                                    <p:cond delay="0"/>
                                  </p:stCondLst>
                                  <p:endCondLst>
                                    <p:cond evt="onNext" delay="0">
                                      <p:tgtEl>
                                        <p:sldTgt/>
                                      </p:tgtEl>
                                    </p:cond>
                                  </p:endCondLst>
                                  <p:childTnLst>
                                    <p:animRot by="120000">
                                      <p:cBhvr>
                                        <p:cTn id="60" dur="100" fill="hold">
                                          <p:stCondLst>
                                            <p:cond delay="0"/>
                                          </p:stCondLst>
                                        </p:cTn>
                                        <p:tgtEl>
                                          <p:spTgt spid="6"/>
                                        </p:tgtEl>
                                        <p:attrNameLst>
                                          <p:attrName>r</p:attrName>
                                        </p:attrNameLst>
                                      </p:cBhvr>
                                    </p:animRot>
                                    <p:animRot by="-240000">
                                      <p:cBhvr>
                                        <p:cTn id="61" dur="200" fill="hold">
                                          <p:stCondLst>
                                            <p:cond delay="200"/>
                                          </p:stCondLst>
                                        </p:cTn>
                                        <p:tgtEl>
                                          <p:spTgt spid="6"/>
                                        </p:tgtEl>
                                        <p:attrNameLst>
                                          <p:attrName>r</p:attrName>
                                        </p:attrNameLst>
                                      </p:cBhvr>
                                    </p:animRot>
                                    <p:animRot by="240000">
                                      <p:cBhvr>
                                        <p:cTn id="62" dur="200" fill="hold">
                                          <p:stCondLst>
                                            <p:cond delay="400"/>
                                          </p:stCondLst>
                                        </p:cTn>
                                        <p:tgtEl>
                                          <p:spTgt spid="6"/>
                                        </p:tgtEl>
                                        <p:attrNameLst>
                                          <p:attrName>r</p:attrName>
                                        </p:attrNameLst>
                                      </p:cBhvr>
                                    </p:animRot>
                                    <p:animRot by="-240000">
                                      <p:cBhvr>
                                        <p:cTn id="63" dur="200" fill="hold">
                                          <p:stCondLst>
                                            <p:cond delay="600"/>
                                          </p:stCondLst>
                                        </p:cTn>
                                        <p:tgtEl>
                                          <p:spTgt spid="6"/>
                                        </p:tgtEl>
                                        <p:attrNameLst>
                                          <p:attrName>r</p:attrName>
                                        </p:attrNameLst>
                                      </p:cBhvr>
                                    </p:animRot>
                                    <p:animRot by="120000">
                                      <p:cBhvr>
                                        <p:cTn id="64" dur="200" fill="hold">
                                          <p:stCondLst>
                                            <p:cond delay="800"/>
                                          </p:stCondLst>
                                        </p:cTn>
                                        <p:tgtEl>
                                          <p:spTgt spid="6"/>
                                        </p:tgtEl>
                                        <p:attrNameLst>
                                          <p:attrName>r</p:attrName>
                                        </p:attrNameLst>
                                      </p:cBhvr>
                                    </p:animRo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Rounded Corners 3">
            <a:extLst>
              <a:ext uri="{FF2B5EF4-FFF2-40B4-BE49-F238E27FC236}">
                <a16:creationId xmlns:a16="http://schemas.microsoft.com/office/drawing/2014/main" xmlns="" id="{E7446065-016F-E10E-8D7E-B487A02697ED}"/>
              </a:ext>
            </a:extLst>
          </p:cNvPr>
          <p:cNvSpPr/>
          <p:nvPr/>
        </p:nvSpPr>
        <p:spPr>
          <a:xfrm>
            <a:off x="322974" y="356895"/>
            <a:ext cx="8498052" cy="1103119"/>
          </a:xfrm>
          <a:prstGeom prst="roundRect">
            <a:avLst/>
          </a:prstGeom>
          <a:solidFill>
            <a:schemeClr val="accent5"/>
          </a:solidFill>
          <a:ln>
            <a:noFill/>
          </a:ln>
        </p:spPr>
        <p:style>
          <a:lnRef idx="1">
            <a:schemeClr val="accent6"/>
          </a:lnRef>
          <a:fillRef idx="3">
            <a:schemeClr val="accent6"/>
          </a:fillRef>
          <a:effectRef idx="2">
            <a:schemeClr val="accent6"/>
          </a:effectRef>
          <a:fontRef idx="minor">
            <a:schemeClr val="lt1"/>
          </a:fontRef>
        </p:style>
        <p:txBody>
          <a:bodyPr bIns="72000" rtlCol="0" anchor="ctr"/>
          <a:lstStyle/>
          <a:p>
            <a:pPr algn="ctr"/>
            <a:r>
              <a:rPr lang="vi-VN" sz="2400" b="1" kern="1200" dirty="0">
                <a:solidFill>
                  <a:srgbClr val="FFFFFF"/>
                </a:solidFill>
                <a:latin typeface="Arial" panose="020B0604020202020204" pitchFamily="34" charset="0"/>
                <a:cs typeface="Arial" panose="020B0604020202020204" pitchFamily="34" charset="0"/>
              </a:rPr>
              <a:t>Câu 1:</a:t>
            </a:r>
            <a:r>
              <a:rPr lang="en-US" sz="2400" b="1" kern="1200" dirty="0">
                <a:solidFill>
                  <a:srgbClr val="FFFFFF"/>
                </a:solidFill>
                <a:latin typeface="Arial" panose="020B0604020202020204" pitchFamily="34" charset="0"/>
                <a:cs typeface="Arial" panose="020B0604020202020204" pitchFamily="34" charset="0"/>
              </a:rPr>
              <a:t> </a:t>
            </a:r>
            <a:r>
              <a:rPr lang="vi-VN" sz="2400" dirty="0">
                <a:solidFill>
                  <a:srgbClr val="FFFFFF"/>
                </a:solidFill>
                <a:latin typeface="Arial" panose="020B0604020202020204" pitchFamily="34" charset="0"/>
                <a:cs typeface="Arial" panose="020B0604020202020204" pitchFamily="34" charset="0"/>
              </a:rPr>
              <a:t>Giáo dục nghề nghiệp đào tạo trình độ</a:t>
            </a:r>
          </a:p>
        </p:txBody>
      </p:sp>
      <p:sp>
        <p:nvSpPr>
          <p:cNvPr id="5" name="Rectangle: Rounded Corners 4">
            <a:extLst>
              <a:ext uri="{FF2B5EF4-FFF2-40B4-BE49-F238E27FC236}">
                <a16:creationId xmlns:a16="http://schemas.microsoft.com/office/drawing/2014/main" xmlns="" id="{694EE124-D2B0-EB92-34BB-171A6E5DFF49}"/>
              </a:ext>
            </a:extLst>
          </p:cNvPr>
          <p:cNvSpPr/>
          <p:nvPr/>
        </p:nvSpPr>
        <p:spPr>
          <a:xfrm>
            <a:off x="322974" y="1761996"/>
            <a:ext cx="4000310" cy="1287835"/>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ctr"/>
            <a:r>
              <a:rPr lang="vi-VN" sz="2400" dirty="0">
                <a:solidFill>
                  <a:schemeClr val="accent2">
                    <a:lumMod val="50000"/>
                  </a:schemeClr>
                </a:solidFill>
                <a:latin typeface="Arial" panose="020B0604020202020204" pitchFamily="34" charset="0"/>
                <a:cs typeface="Arial" panose="020B0604020202020204" pitchFamily="34" charset="0"/>
              </a:rPr>
              <a:t>A. trung cấp và cao đẳng.</a:t>
            </a:r>
          </a:p>
        </p:txBody>
      </p:sp>
      <p:sp>
        <p:nvSpPr>
          <p:cNvPr id="6" name="Rectangle: Rounded Corners 5">
            <a:extLst>
              <a:ext uri="{FF2B5EF4-FFF2-40B4-BE49-F238E27FC236}">
                <a16:creationId xmlns:a16="http://schemas.microsoft.com/office/drawing/2014/main" xmlns="" id="{5F79DB41-7308-0943-C5D6-16DFA84552E0}"/>
              </a:ext>
            </a:extLst>
          </p:cNvPr>
          <p:cNvSpPr/>
          <p:nvPr/>
        </p:nvSpPr>
        <p:spPr>
          <a:xfrm>
            <a:off x="322973" y="3351812"/>
            <a:ext cx="4000310" cy="1287835"/>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36000" rtlCol="0" anchor="ctr"/>
          <a:lstStyle/>
          <a:p>
            <a:pPr algn="ctr"/>
            <a:r>
              <a:rPr lang="vi-VN" sz="2400" dirty="0">
                <a:solidFill>
                  <a:schemeClr val="accent2">
                    <a:lumMod val="50000"/>
                  </a:schemeClr>
                </a:solidFill>
                <a:latin typeface="Arial" panose="020B0604020202020204" pitchFamily="34" charset="0"/>
                <a:cs typeface="Arial" panose="020B0604020202020204" pitchFamily="34" charset="0"/>
              </a:rPr>
              <a:t>B. trung học phổ thông.</a:t>
            </a:r>
          </a:p>
        </p:txBody>
      </p:sp>
      <p:sp>
        <p:nvSpPr>
          <p:cNvPr id="9" name="Rectangle: Rounded Corners 8">
            <a:extLst>
              <a:ext uri="{FF2B5EF4-FFF2-40B4-BE49-F238E27FC236}">
                <a16:creationId xmlns:a16="http://schemas.microsoft.com/office/drawing/2014/main" xmlns="" id="{E50428A7-6D5D-1729-229C-7A3DE2A5E422}"/>
              </a:ext>
            </a:extLst>
          </p:cNvPr>
          <p:cNvSpPr/>
          <p:nvPr/>
        </p:nvSpPr>
        <p:spPr>
          <a:xfrm>
            <a:off x="4820717" y="1761996"/>
            <a:ext cx="4000310" cy="1287835"/>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ctr"/>
            <a:r>
              <a:rPr lang="vi-VN" sz="2400" dirty="0">
                <a:solidFill>
                  <a:schemeClr val="accent2">
                    <a:lumMod val="50000"/>
                  </a:schemeClr>
                </a:solidFill>
                <a:latin typeface="Arial" panose="020B0604020202020204" pitchFamily="34" charset="0"/>
                <a:cs typeface="Arial" panose="020B0604020202020204" pitchFamily="34" charset="0"/>
              </a:rPr>
              <a:t>C. đại học.</a:t>
            </a:r>
          </a:p>
        </p:txBody>
      </p:sp>
      <p:sp>
        <p:nvSpPr>
          <p:cNvPr id="10" name="Rectangle: Rounded Corners 9">
            <a:extLst>
              <a:ext uri="{FF2B5EF4-FFF2-40B4-BE49-F238E27FC236}">
                <a16:creationId xmlns:a16="http://schemas.microsoft.com/office/drawing/2014/main" xmlns="" id="{95CF8633-FFAD-0B4A-B9F1-5B1587C481D6}"/>
              </a:ext>
            </a:extLst>
          </p:cNvPr>
          <p:cNvSpPr/>
          <p:nvPr/>
        </p:nvSpPr>
        <p:spPr>
          <a:xfrm>
            <a:off x="4820716" y="3351812"/>
            <a:ext cx="4000310" cy="1287835"/>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ctr"/>
            <a:r>
              <a:rPr lang="vi-VN" sz="2400" dirty="0">
                <a:solidFill>
                  <a:schemeClr val="accent2">
                    <a:lumMod val="50000"/>
                  </a:schemeClr>
                </a:solidFill>
                <a:latin typeface="Arial" panose="020B0604020202020204" pitchFamily="34" charset="0"/>
                <a:cs typeface="Arial" panose="020B0604020202020204" pitchFamily="34" charset="0"/>
              </a:rPr>
              <a:t>D. thạc sĩ và tiến sĩ. </a:t>
            </a:r>
          </a:p>
        </p:txBody>
      </p:sp>
      <p:sp>
        <p:nvSpPr>
          <p:cNvPr id="12" name="Rectangle: Rounded Corners 11">
            <a:extLst>
              <a:ext uri="{FF2B5EF4-FFF2-40B4-BE49-F238E27FC236}">
                <a16:creationId xmlns:a16="http://schemas.microsoft.com/office/drawing/2014/main" xmlns="" id="{9981C190-4C82-F9D7-AC67-5C5D13AEAA78}"/>
              </a:ext>
            </a:extLst>
          </p:cNvPr>
          <p:cNvSpPr/>
          <p:nvPr/>
        </p:nvSpPr>
        <p:spPr>
          <a:xfrm>
            <a:off x="317689" y="1719360"/>
            <a:ext cx="4000310" cy="1330471"/>
          </a:xfrm>
          <a:prstGeom prst="roundRect">
            <a:avLst/>
          </a:prstGeom>
          <a:solidFill>
            <a:srgbClr val="92D050"/>
          </a:solidFill>
          <a:ln>
            <a:solidFill>
              <a:srgbClr val="92D050"/>
            </a:solidFill>
          </a:ln>
        </p:spPr>
        <p:style>
          <a:lnRef idx="1">
            <a:schemeClr val="accent6"/>
          </a:lnRef>
          <a:fillRef idx="3">
            <a:schemeClr val="accent6"/>
          </a:fillRef>
          <a:effectRef idx="2">
            <a:schemeClr val="accent6"/>
          </a:effectRef>
          <a:fontRef idx="minor">
            <a:schemeClr val="lt1"/>
          </a:fontRef>
        </p:style>
        <p:txBody>
          <a:bodyPr rtlCol="0" anchor="ctr"/>
          <a:lstStyle/>
          <a:p>
            <a:pPr algn="ctr"/>
            <a:r>
              <a:rPr lang="vi-VN" sz="2400" dirty="0">
                <a:solidFill>
                  <a:schemeClr val="accent2">
                    <a:lumMod val="50000"/>
                  </a:schemeClr>
                </a:solidFill>
                <a:cs typeface="Arial" panose="020B0604020202020204" pitchFamily="34" charset="0"/>
              </a:rPr>
              <a:t>A. trung cấp và cao đẳng.</a:t>
            </a:r>
          </a:p>
        </p:txBody>
      </p:sp>
      <p:pic>
        <p:nvPicPr>
          <p:cNvPr id="7" name="Graphic 6" descr="Briefcase">
            <a:hlinkClick r:id="rId4" action="ppaction://hlinksldjump"/>
            <a:extLst>
              <a:ext uri="{FF2B5EF4-FFF2-40B4-BE49-F238E27FC236}">
                <a16:creationId xmlns:a16="http://schemas.microsoft.com/office/drawing/2014/main" xmlns="" id="{B6F8D9F9-56BE-C2EA-8034-DF902F98EBCE}"/>
              </a:ext>
            </a:extLst>
          </p:cNvPr>
          <p:cNvPicPr>
            <a:picLocks noChangeAspect="1"/>
          </p:cNvPicPr>
          <p:nvPr/>
        </p:nvPicPr>
        <p:blipFill>
          <a:blip r:embed="rId5">
            <a:extLst>
              <a:ext uri="{96DAC541-7B7A-43D3-8B79-37D633B846F1}">
                <asvg:svgBlip xmlns:asvg="http://schemas.microsoft.com/office/drawing/2016/SVG/main" xmlns="" r:embed="rId6"/>
              </a:ext>
            </a:extLst>
          </a:blip>
          <a:stretch>
            <a:fillRect/>
          </a:stretch>
        </p:blipFill>
        <p:spPr>
          <a:xfrm>
            <a:off x="8558784" y="4639647"/>
            <a:ext cx="457200" cy="457200"/>
          </a:xfrm>
          <a:prstGeom prst="rect">
            <a:avLst/>
          </a:prstGeom>
        </p:spPr>
      </p:pic>
    </p:spTree>
    <p:custDataLst>
      <p:tags r:id="rId1"/>
    </p:custDataLst>
    <p:extLst>
      <p:ext uri="{BB962C8B-B14F-4D97-AF65-F5344CB8AC3E}">
        <p14:creationId xmlns:p14="http://schemas.microsoft.com/office/powerpoint/2010/main" val="1534334374"/>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randombar(horizontal)">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6" presetClass="entr" presetSubtype="21"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arn(inVertical)">
                                      <p:cBhvr>
                                        <p:cTn id="12" dur="500"/>
                                        <p:tgtEl>
                                          <p:spTgt spid="5"/>
                                        </p:tgtEl>
                                      </p:cBhvr>
                                    </p:animEffect>
                                  </p:childTnLst>
                                </p:cTn>
                              </p:par>
                              <p:par>
                                <p:cTn id="13" presetID="16" presetClass="entr" presetSubtype="21" fill="hold" grpId="0" nodeType="with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barn(inVertical)">
                                      <p:cBhvr>
                                        <p:cTn id="15" dur="500"/>
                                        <p:tgtEl>
                                          <p:spTgt spid="6"/>
                                        </p:tgtEl>
                                      </p:cBhvr>
                                    </p:animEffect>
                                  </p:childTnLst>
                                </p:cTn>
                              </p:par>
                              <p:par>
                                <p:cTn id="16" presetID="16" presetClass="entr" presetSubtype="21" fill="hold" grpId="0" nodeType="withEffect">
                                  <p:stCondLst>
                                    <p:cond delay="0"/>
                                  </p:stCondLst>
                                  <p:childTnLst>
                                    <p:set>
                                      <p:cBhvr>
                                        <p:cTn id="17" dur="1" fill="hold">
                                          <p:stCondLst>
                                            <p:cond delay="0"/>
                                          </p:stCondLst>
                                        </p:cTn>
                                        <p:tgtEl>
                                          <p:spTgt spid="9"/>
                                        </p:tgtEl>
                                        <p:attrNameLst>
                                          <p:attrName>style.visibility</p:attrName>
                                        </p:attrNameLst>
                                      </p:cBhvr>
                                      <p:to>
                                        <p:strVal val="visible"/>
                                      </p:to>
                                    </p:set>
                                    <p:animEffect transition="in" filter="barn(inVertical)">
                                      <p:cBhvr>
                                        <p:cTn id="18" dur="500"/>
                                        <p:tgtEl>
                                          <p:spTgt spid="9"/>
                                        </p:tgtEl>
                                      </p:cBhvr>
                                    </p:animEffect>
                                  </p:childTnLst>
                                </p:cTn>
                              </p:par>
                              <p:par>
                                <p:cTn id="19" presetID="16" presetClass="entr" presetSubtype="21" fill="hold" grpId="0" nodeType="withEffect">
                                  <p:stCondLst>
                                    <p:cond delay="0"/>
                                  </p:stCondLst>
                                  <p:childTnLst>
                                    <p:set>
                                      <p:cBhvr>
                                        <p:cTn id="20" dur="1" fill="hold">
                                          <p:stCondLst>
                                            <p:cond delay="0"/>
                                          </p:stCondLst>
                                        </p:cTn>
                                        <p:tgtEl>
                                          <p:spTgt spid="10"/>
                                        </p:tgtEl>
                                        <p:attrNameLst>
                                          <p:attrName>style.visibility</p:attrName>
                                        </p:attrNameLst>
                                      </p:cBhvr>
                                      <p:to>
                                        <p:strVal val="visible"/>
                                      </p:to>
                                    </p:set>
                                    <p:animEffect transition="in" filter="barn(inVertical)">
                                      <p:cBhvr>
                                        <p:cTn id="21" dur="500"/>
                                        <p:tgtEl>
                                          <p:spTgt spid="10"/>
                                        </p:tgtEl>
                                      </p:cBhvr>
                                    </p:animEffect>
                                  </p:childTnLst>
                                </p:cTn>
                              </p:par>
                            </p:childTnLst>
                          </p:cTn>
                        </p:par>
                      </p:childTnLst>
                    </p:cTn>
                  </p:par>
                  <p:par>
                    <p:cTn id="22" fill="hold">
                      <p:stCondLst>
                        <p:cond delay="indefinite"/>
                      </p:stCondLst>
                      <p:childTnLst>
                        <p:par>
                          <p:cTn id="23" fill="hold">
                            <p:stCondLst>
                              <p:cond delay="0"/>
                            </p:stCondLst>
                            <p:childTnLst>
                              <p:par>
                                <p:cTn id="24" presetID="3" presetClass="entr" presetSubtype="10" fill="hold" grpId="0" nodeType="clickEffect">
                                  <p:stCondLst>
                                    <p:cond delay="0"/>
                                  </p:stCondLst>
                                  <p:childTnLst>
                                    <p:set>
                                      <p:cBhvr>
                                        <p:cTn id="25" dur="1" fill="hold">
                                          <p:stCondLst>
                                            <p:cond delay="0"/>
                                          </p:stCondLst>
                                        </p:cTn>
                                        <p:tgtEl>
                                          <p:spTgt spid="12"/>
                                        </p:tgtEl>
                                        <p:attrNameLst>
                                          <p:attrName>style.visibility</p:attrName>
                                        </p:attrNameLst>
                                      </p:cBhvr>
                                      <p:to>
                                        <p:strVal val="visible"/>
                                      </p:to>
                                    </p:set>
                                    <p:animEffect transition="in" filter="blinds(horizontal)">
                                      <p:cBhvr>
                                        <p:cTn id="26"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animBg="1"/>
      <p:bldP spid="9" grpId="0" animBg="1"/>
      <p:bldP spid="10" grpId="0" animBg="1"/>
      <p:bldP spid="12"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Rounded Corners 3">
            <a:extLst>
              <a:ext uri="{FF2B5EF4-FFF2-40B4-BE49-F238E27FC236}">
                <a16:creationId xmlns:a16="http://schemas.microsoft.com/office/drawing/2014/main" xmlns="" id="{E7446065-016F-E10E-8D7E-B487A02697ED}"/>
              </a:ext>
            </a:extLst>
          </p:cNvPr>
          <p:cNvSpPr/>
          <p:nvPr/>
        </p:nvSpPr>
        <p:spPr>
          <a:xfrm>
            <a:off x="312056" y="356896"/>
            <a:ext cx="8519888" cy="1483568"/>
          </a:xfrm>
          <a:prstGeom prst="roundRect">
            <a:avLst/>
          </a:prstGeom>
          <a:solidFill>
            <a:schemeClr val="accent5"/>
          </a:solidFill>
          <a:ln>
            <a:noFill/>
          </a:ln>
        </p:spPr>
        <p:style>
          <a:lnRef idx="1">
            <a:schemeClr val="accent6"/>
          </a:lnRef>
          <a:fillRef idx="3">
            <a:schemeClr val="accent6"/>
          </a:fillRef>
          <a:effectRef idx="2">
            <a:schemeClr val="accent6"/>
          </a:effectRef>
          <a:fontRef idx="minor">
            <a:schemeClr val="lt1"/>
          </a:fontRef>
        </p:style>
        <p:txBody>
          <a:bodyPr bIns="144000" rtlCol="0" anchor="ctr"/>
          <a:lstStyle/>
          <a:p>
            <a:pPr algn="ctr">
              <a:lnSpc>
                <a:spcPct val="150000"/>
              </a:lnSpc>
            </a:pPr>
            <a:r>
              <a:rPr lang="vi-VN" sz="2400" b="1" kern="1200" dirty="0">
                <a:solidFill>
                  <a:srgbClr val="FFFFFF"/>
                </a:solidFill>
                <a:latin typeface="Arial" panose="020B0604020202020204" pitchFamily="34" charset="0"/>
                <a:cs typeface="Arial" panose="020B0604020202020204" pitchFamily="34" charset="0"/>
              </a:rPr>
              <a:t>Câu 2:</a:t>
            </a:r>
            <a:r>
              <a:rPr lang="en-US" sz="2400" b="1" kern="1200" dirty="0">
                <a:solidFill>
                  <a:srgbClr val="FFFFFF"/>
                </a:solidFill>
                <a:latin typeface="Arial" panose="020B0604020202020204" pitchFamily="34" charset="0"/>
                <a:cs typeface="Arial" panose="020B0604020202020204" pitchFamily="34" charset="0"/>
              </a:rPr>
              <a:t> </a:t>
            </a:r>
            <a:r>
              <a:rPr lang="vi-VN" sz="2400" dirty="0">
                <a:solidFill>
                  <a:srgbClr val="FFFFFF"/>
                </a:solidFill>
                <a:latin typeface="Arial" panose="020B0604020202020204" pitchFamily="34" charset="0"/>
                <a:cs typeface="Arial" panose="020B0604020202020204" pitchFamily="34" charset="0"/>
              </a:rPr>
              <a:t>Người có trình độ thạc sĩ có thể học tiếp lên trình độ</a:t>
            </a:r>
          </a:p>
        </p:txBody>
      </p:sp>
      <p:sp>
        <p:nvSpPr>
          <p:cNvPr id="5" name="Rectangle: Rounded Corners 4">
            <a:extLst>
              <a:ext uri="{FF2B5EF4-FFF2-40B4-BE49-F238E27FC236}">
                <a16:creationId xmlns:a16="http://schemas.microsoft.com/office/drawing/2014/main" xmlns="" id="{694EE124-D2B0-EB92-34BB-171A6E5DFF49}"/>
              </a:ext>
            </a:extLst>
          </p:cNvPr>
          <p:cNvSpPr/>
          <p:nvPr/>
        </p:nvSpPr>
        <p:spPr>
          <a:xfrm>
            <a:off x="311260" y="2003751"/>
            <a:ext cx="3808057"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ctr"/>
            <a:r>
              <a:rPr lang="vi-VN" sz="2400" dirty="0">
                <a:solidFill>
                  <a:schemeClr val="tx1"/>
                </a:solidFill>
                <a:latin typeface="Arial" panose="020B0604020202020204" pitchFamily="34" charset="0"/>
                <a:cs typeface="Arial" panose="020B0604020202020204" pitchFamily="34" charset="0"/>
              </a:rPr>
              <a:t>A. tiến sĩ.</a:t>
            </a:r>
          </a:p>
        </p:txBody>
      </p:sp>
      <p:sp>
        <p:nvSpPr>
          <p:cNvPr id="6" name="Rectangle: Rounded Corners 5">
            <a:extLst>
              <a:ext uri="{FF2B5EF4-FFF2-40B4-BE49-F238E27FC236}">
                <a16:creationId xmlns:a16="http://schemas.microsoft.com/office/drawing/2014/main" xmlns="" id="{5F79DB41-7308-0943-C5D6-16DFA84552E0}"/>
              </a:ext>
            </a:extLst>
          </p:cNvPr>
          <p:cNvSpPr/>
          <p:nvPr/>
        </p:nvSpPr>
        <p:spPr>
          <a:xfrm>
            <a:off x="311259" y="3403343"/>
            <a:ext cx="3808057"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ctr"/>
            <a:r>
              <a:rPr lang="vi-VN" sz="2400" dirty="0">
                <a:solidFill>
                  <a:schemeClr val="tx1"/>
                </a:solidFill>
                <a:latin typeface="Arial" panose="020B0604020202020204" pitchFamily="34" charset="0"/>
                <a:cs typeface="Arial" panose="020B0604020202020204" pitchFamily="34" charset="0"/>
              </a:rPr>
              <a:t>B. đại học.</a:t>
            </a:r>
          </a:p>
        </p:txBody>
      </p:sp>
      <p:sp>
        <p:nvSpPr>
          <p:cNvPr id="9" name="Rectangle: Rounded Corners 8">
            <a:extLst>
              <a:ext uri="{FF2B5EF4-FFF2-40B4-BE49-F238E27FC236}">
                <a16:creationId xmlns:a16="http://schemas.microsoft.com/office/drawing/2014/main" xmlns="" id="{E50428A7-6D5D-1729-229C-7A3DE2A5E422}"/>
              </a:ext>
            </a:extLst>
          </p:cNvPr>
          <p:cNvSpPr/>
          <p:nvPr/>
        </p:nvSpPr>
        <p:spPr>
          <a:xfrm>
            <a:off x="5024683" y="2003751"/>
            <a:ext cx="3808057"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ctr"/>
            <a:r>
              <a:rPr lang="vi-VN" sz="2400" dirty="0">
                <a:solidFill>
                  <a:schemeClr val="tx1"/>
                </a:solidFill>
                <a:latin typeface="Arial" panose="020B0604020202020204" pitchFamily="34" charset="0"/>
                <a:cs typeface="Arial" panose="020B0604020202020204" pitchFamily="34" charset="0"/>
              </a:rPr>
              <a:t>C. trung cấp.</a:t>
            </a:r>
          </a:p>
        </p:txBody>
      </p:sp>
      <p:sp>
        <p:nvSpPr>
          <p:cNvPr id="10" name="Rectangle: Rounded Corners 9">
            <a:extLst>
              <a:ext uri="{FF2B5EF4-FFF2-40B4-BE49-F238E27FC236}">
                <a16:creationId xmlns:a16="http://schemas.microsoft.com/office/drawing/2014/main" xmlns="" id="{95CF8633-FFAD-0B4A-B9F1-5B1587C481D6}"/>
              </a:ext>
            </a:extLst>
          </p:cNvPr>
          <p:cNvSpPr/>
          <p:nvPr/>
        </p:nvSpPr>
        <p:spPr>
          <a:xfrm>
            <a:off x="5024683" y="3403343"/>
            <a:ext cx="3808057"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ctr"/>
            <a:r>
              <a:rPr lang="vi-VN" sz="2400" dirty="0">
                <a:solidFill>
                  <a:schemeClr val="tx1"/>
                </a:solidFill>
                <a:latin typeface="Arial" panose="020B0604020202020204" pitchFamily="34" charset="0"/>
                <a:cs typeface="Arial" panose="020B0604020202020204" pitchFamily="34" charset="0"/>
              </a:rPr>
              <a:t>D. cao đẳng. </a:t>
            </a:r>
          </a:p>
        </p:txBody>
      </p:sp>
      <p:sp>
        <p:nvSpPr>
          <p:cNvPr id="12" name="Rectangle: Rounded Corners 11">
            <a:extLst>
              <a:ext uri="{FF2B5EF4-FFF2-40B4-BE49-F238E27FC236}">
                <a16:creationId xmlns:a16="http://schemas.microsoft.com/office/drawing/2014/main" xmlns="" id="{9981C190-4C82-F9D7-AC67-5C5D13AEAA78}"/>
              </a:ext>
            </a:extLst>
          </p:cNvPr>
          <p:cNvSpPr/>
          <p:nvPr/>
        </p:nvSpPr>
        <p:spPr>
          <a:xfrm>
            <a:off x="311258" y="1997272"/>
            <a:ext cx="3808057" cy="1236305"/>
          </a:xfrm>
          <a:prstGeom prst="roundRect">
            <a:avLst/>
          </a:prstGeom>
          <a:solidFill>
            <a:srgbClr val="92D050"/>
          </a:solidFill>
          <a:ln>
            <a:solidFill>
              <a:srgbClr val="92D050"/>
            </a:solidFill>
          </a:ln>
        </p:spPr>
        <p:style>
          <a:lnRef idx="1">
            <a:schemeClr val="accent6"/>
          </a:lnRef>
          <a:fillRef idx="3">
            <a:schemeClr val="accent6"/>
          </a:fillRef>
          <a:effectRef idx="2">
            <a:schemeClr val="accent6"/>
          </a:effectRef>
          <a:fontRef idx="minor">
            <a:schemeClr val="lt1"/>
          </a:fontRef>
        </p:style>
        <p:txBody>
          <a:bodyPr bIns="108000" rtlCol="0" anchor="ctr"/>
          <a:lstStyle/>
          <a:p>
            <a:pPr algn="ctr"/>
            <a:r>
              <a:rPr lang="vi-VN" sz="2400" dirty="0">
                <a:solidFill>
                  <a:schemeClr val="tx1"/>
                </a:solidFill>
                <a:cs typeface="Arial" panose="020B0604020202020204" pitchFamily="34" charset="0"/>
              </a:rPr>
              <a:t>A. tiến sĩ.</a:t>
            </a:r>
          </a:p>
        </p:txBody>
      </p:sp>
      <p:pic>
        <p:nvPicPr>
          <p:cNvPr id="2" name="Graphic 1" descr="Briefcase">
            <a:hlinkClick r:id="rId4" action="ppaction://hlinksldjump"/>
            <a:extLst>
              <a:ext uri="{FF2B5EF4-FFF2-40B4-BE49-F238E27FC236}">
                <a16:creationId xmlns:a16="http://schemas.microsoft.com/office/drawing/2014/main" xmlns="" id="{2A226587-D6C1-41A3-185F-14F90BC8D06A}"/>
              </a:ext>
            </a:extLst>
          </p:cNvPr>
          <p:cNvPicPr>
            <a:picLocks noChangeAspect="1"/>
          </p:cNvPicPr>
          <p:nvPr/>
        </p:nvPicPr>
        <p:blipFill>
          <a:blip r:embed="rId5">
            <a:extLst>
              <a:ext uri="{96DAC541-7B7A-43D3-8B79-37D633B846F1}">
                <asvg:svgBlip xmlns:asvg="http://schemas.microsoft.com/office/drawing/2016/SVG/main" xmlns="" r:embed="rId6"/>
              </a:ext>
            </a:extLst>
          </a:blip>
          <a:stretch>
            <a:fillRect/>
          </a:stretch>
        </p:blipFill>
        <p:spPr>
          <a:xfrm>
            <a:off x="8558784" y="4639647"/>
            <a:ext cx="457200" cy="457200"/>
          </a:xfrm>
          <a:prstGeom prst="rect">
            <a:avLst/>
          </a:prstGeom>
        </p:spPr>
      </p:pic>
    </p:spTree>
    <p:custDataLst>
      <p:tags r:id="rId1"/>
    </p:custDataLst>
    <p:extLst>
      <p:ext uri="{BB962C8B-B14F-4D97-AF65-F5344CB8AC3E}">
        <p14:creationId xmlns:p14="http://schemas.microsoft.com/office/powerpoint/2010/main" val="2861733440"/>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randombar(horizontal)">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6" presetClass="entr" presetSubtype="21"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arn(inVertical)">
                                      <p:cBhvr>
                                        <p:cTn id="12" dur="500"/>
                                        <p:tgtEl>
                                          <p:spTgt spid="5"/>
                                        </p:tgtEl>
                                      </p:cBhvr>
                                    </p:animEffect>
                                  </p:childTnLst>
                                </p:cTn>
                              </p:par>
                              <p:par>
                                <p:cTn id="13" presetID="16" presetClass="entr" presetSubtype="21" fill="hold" grpId="0" nodeType="with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barn(inVertical)">
                                      <p:cBhvr>
                                        <p:cTn id="15" dur="500"/>
                                        <p:tgtEl>
                                          <p:spTgt spid="6"/>
                                        </p:tgtEl>
                                      </p:cBhvr>
                                    </p:animEffect>
                                  </p:childTnLst>
                                </p:cTn>
                              </p:par>
                              <p:par>
                                <p:cTn id="16" presetID="16" presetClass="entr" presetSubtype="21" fill="hold" grpId="0" nodeType="withEffect">
                                  <p:stCondLst>
                                    <p:cond delay="0"/>
                                  </p:stCondLst>
                                  <p:childTnLst>
                                    <p:set>
                                      <p:cBhvr>
                                        <p:cTn id="17" dur="1" fill="hold">
                                          <p:stCondLst>
                                            <p:cond delay="0"/>
                                          </p:stCondLst>
                                        </p:cTn>
                                        <p:tgtEl>
                                          <p:spTgt spid="9"/>
                                        </p:tgtEl>
                                        <p:attrNameLst>
                                          <p:attrName>style.visibility</p:attrName>
                                        </p:attrNameLst>
                                      </p:cBhvr>
                                      <p:to>
                                        <p:strVal val="visible"/>
                                      </p:to>
                                    </p:set>
                                    <p:animEffect transition="in" filter="barn(inVertical)">
                                      <p:cBhvr>
                                        <p:cTn id="18" dur="500"/>
                                        <p:tgtEl>
                                          <p:spTgt spid="9"/>
                                        </p:tgtEl>
                                      </p:cBhvr>
                                    </p:animEffect>
                                  </p:childTnLst>
                                </p:cTn>
                              </p:par>
                              <p:par>
                                <p:cTn id="19" presetID="16" presetClass="entr" presetSubtype="21" fill="hold" grpId="0" nodeType="withEffect">
                                  <p:stCondLst>
                                    <p:cond delay="0"/>
                                  </p:stCondLst>
                                  <p:childTnLst>
                                    <p:set>
                                      <p:cBhvr>
                                        <p:cTn id="20" dur="1" fill="hold">
                                          <p:stCondLst>
                                            <p:cond delay="0"/>
                                          </p:stCondLst>
                                        </p:cTn>
                                        <p:tgtEl>
                                          <p:spTgt spid="10"/>
                                        </p:tgtEl>
                                        <p:attrNameLst>
                                          <p:attrName>style.visibility</p:attrName>
                                        </p:attrNameLst>
                                      </p:cBhvr>
                                      <p:to>
                                        <p:strVal val="visible"/>
                                      </p:to>
                                    </p:set>
                                    <p:animEffect transition="in" filter="barn(inVertical)">
                                      <p:cBhvr>
                                        <p:cTn id="21" dur="500"/>
                                        <p:tgtEl>
                                          <p:spTgt spid="10"/>
                                        </p:tgtEl>
                                      </p:cBhvr>
                                    </p:animEffect>
                                  </p:childTnLst>
                                </p:cTn>
                              </p:par>
                            </p:childTnLst>
                          </p:cTn>
                        </p:par>
                      </p:childTnLst>
                    </p:cTn>
                  </p:par>
                  <p:par>
                    <p:cTn id="22" fill="hold">
                      <p:stCondLst>
                        <p:cond delay="indefinite"/>
                      </p:stCondLst>
                      <p:childTnLst>
                        <p:par>
                          <p:cTn id="23" fill="hold">
                            <p:stCondLst>
                              <p:cond delay="0"/>
                            </p:stCondLst>
                            <p:childTnLst>
                              <p:par>
                                <p:cTn id="24" presetID="3" presetClass="entr" presetSubtype="10" fill="hold" grpId="0" nodeType="clickEffect">
                                  <p:stCondLst>
                                    <p:cond delay="0"/>
                                  </p:stCondLst>
                                  <p:childTnLst>
                                    <p:set>
                                      <p:cBhvr>
                                        <p:cTn id="25" dur="1" fill="hold">
                                          <p:stCondLst>
                                            <p:cond delay="0"/>
                                          </p:stCondLst>
                                        </p:cTn>
                                        <p:tgtEl>
                                          <p:spTgt spid="12"/>
                                        </p:tgtEl>
                                        <p:attrNameLst>
                                          <p:attrName>style.visibility</p:attrName>
                                        </p:attrNameLst>
                                      </p:cBhvr>
                                      <p:to>
                                        <p:strVal val="visible"/>
                                      </p:to>
                                    </p:set>
                                    <p:animEffect transition="in" filter="blinds(horizontal)">
                                      <p:cBhvr>
                                        <p:cTn id="26"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animBg="1"/>
      <p:bldP spid="9" grpId="0" animBg="1"/>
      <p:bldP spid="10" grpId="0" animBg="1"/>
      <p:bldP spid="12" grpId="0" animBg="1"/>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Rounded Corners 3">
            <a:extLst>
              <a:ext uri="{FF2B5EF4-FFF2-40B4-BE49-F238E27FC236}">
                <a16:creationId xmlns:a16="http://schemas.microsoft.com/office/drawing/2014/main" xmlns="" id="{E7446065-016F-E10E-8D7E-B487A02697ED}"/>
              </a:ext>
            </a:extLst>
          </p:cNvPr>
          <p:cNvSpPr/>
          <p:nvPr/>
        </p:nvSpPr>
        <p:spPr>
          <a:xfrm>
            <a:off x="419100" y="356896"/>
            <a:ext cx="8305799" cy="1483568"/>
          </a:xfrm>
          <a:prstGeom prst="roundRect">
            <a:avLst/>
          </a:prstGeom>
          <a:solidFill>
            <a:schemeClr val="accent5"/>
          </a:solidFill>
          <a:ln>
            <a:noFill/>
          </a:ln>
        </p:spPr>
        <p:style>
          <a:lnRef idx="1">
            <a:schemeClr val="accent6"/>
          </a:lnRef>
          <a:fillRef idx="3">
            <a:schemeClr val="accent6"/>
          </a:fillRef>
          <a:effectRef idx="2">
            <a:schemeClr val="accent6"/>
          </a:effectRef>
          <a:fontRef idx="minor">
            <a:schemeClr val="lt1"/>
          </a:fontRef>
        </p:style>
        <p:txBody>
          <a:bodyPr bIns="144000" rtlCol="0" anchor="ctr"/>
          <a:lstStyle/>
          <a:p>
            <a:pPr algn="ctr">
              <a:lnSpc>
                <a:spcPct val="150000"/>
              </a:lnSpc>
            </a:pPr>
            <a:r>
              <a:rPr lang="vi-VN" sz="2200" b="1" kern="1200" dirty="0">
                <a:solidFill>
                  <a:srgbClr val="FFFFFF"/>
                </a:solidFill>
                <a:latin typeface="Arial" panose="020B0604020202020204" pitchFamily="34" charset="0"/>
                <a:cs typeface="Arial" panose="020B0604020202020204" pitchFamily="34" charset="0"/>
              </a:rPr>
              <a:t>Câu 3:</a:t>
            </a:r>
            <a:r>
              <a:rPr lang="en-US" sz="2200" b="1" kern="1200" dirty="0">
                <a:solidFill>
                  <a:srgbClr val="FFFFFF"/>
                </a:solidFill>
                <a:latin typeface="Arial" panose="020B0604020202020204" pitchFamily="34" charset="0"/>
                <a:cs typeface="Arial" panose="020B0604020202020204" pitchFamily="34" charset="0"/>
              </a:rPr>
              <a:t> </a:t>
            </a:r>
            <a:r>
              <a:rPr lang="vi-VN" sz="2200" dirty="0">
                <a:solidFill>
                  <a:srgbClr val="FFFFFF"/>
                </a:solidFill>
              </a:rPr>
              <a:t>Người tốt nghiệp đại học có thể học tiếp lên trình độ</a:t>
            </a:r>
          </a:p>
        </p:txBody>
      </p:sp>
      <p:sp>
        <p:nvSpPr>
          <p:cNvPr id="5" name="Rectangle: Rounded Corners 4">
            <a:extLst>
              <a:ext uri="{FF2B5EF4-FFF2-40B4-BE49-F238E27FC236}">
                <a16:creationId xmlns:a16="http://schemas.microsoft.com/office/drawing/2014/main" xmlns="" id="{694EE124-D2B0-EB92-34BB-171A6E5DFF49}"/>
              </a:ext>
            </a:extLst>
          </p:cNvPr>
          <p:cNvSpPr/>
          <p:nvPr/>
        </p:nvSpPr>
        <p:spPr>
          <a:xfrm>
            <a:off x="419099" y="2003751"/>
            <a:ext cx="4102722"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72000" rtlCol="0" anchor="ctr"/>
          <a:lstStyle/>
          <a:p>
            <a:pPr algn="ctr"/>
            <a:r>
              <a:rPr lang="vi-VN" sz="2200" dirty="0">
                <a:solidFill>
                  <a:schemeClr val="tx1"/>
                </a:solidFill>
                <a:latin typeface="Arial" panose="020B0604020202020204" pitchFamily="34" charset="0"/>
                <a:cs typeface="Arial" panose="020B0604020202020204" pitchFamily="34" charset="0"/>
              </a:rPr>
              <a:t>A. trung học phổ thông.</a:t>
            </a:r>
          </a:p>
        </p:txBody>
      </p:sp>
      <p:sp>
        <p:nvSpPr>
          <p:cNvPr id="6" name="Rectangle: Rounded Corners 5">
            <a:extLst>
              <a:ext uri="{FF2B5EF4-FFF2-40B4-BE49-F238E27FC236}">
                <a16:creationId xmlns:a16="http://schemas.microsoft.com/office/drawing/2014/main" xmlns="" id="{5F79DB41-7308-0943-C5D6-16DFA84552E0}"/>
              </a:ext>
            </a:extLst>
          </p:cNvPr>
          <p:cNvSpPr/>
          <p:nvPr/>
        </p:nvSpPr>
        <p:spPr>
          <a:xfrm>
            <a:off x="419098" y="3403343"/>
            <a:ext cx="4102722"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72000" rtlCol="0" anchor="ctr"/>
          <a:lstStyle/>
          <a:p>
            <a:pPr algn="ctr"/>
            <a:r>
              <a:rPr lang="vi-VN" sz="2200" dirty="0">
                <a:solidFill>
                  <a:schemeClr val="tx1"/>
                </a:solidFill>
                <a:latin typeface="Arial" panose="020B0604020202020204" pitchFamily="34" charset="0"/>
                <a:cs typeface="Arial" panose="020B0604020202020204" pitchFamily="34" charset="0"/>
              </a:rPr>
              <a:t>B. thạc sĩ, tiến sĩ.</a:t>
            </a:r>
          </a:p>
        </p:txBody>
      </p:sp>
      <p:sp>
        <p:nvSpPr>
          <p:cNvPr id="9" name="Rectangle: Rounded Corners 8">
            <a:extLst>
              <a:ext uri="{FF2B5EF4-FFF2-40B4-BE49-F238E27FC236}">
                <a16:creationId xmlns:a16="http://schemas.microsoft.com/office/drawing/2014/main" xmlns="" id="{E50428A7-6D5D-1729-229C-7A3DE2A5E422}"/>
              </a:ext>
            </a:extLst>
          </p:cNvPr>
          <p:cNvSpPr/>
          <p:nvPr/>
        </p:nvSpPr>
        <p:spPr>
          <a:xfrm>
            <a:off x="4622177" y="2003751"/>
            <a:ext cx="4102722"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72000" rtlCol="0" anchor="ctr"/>
          <a:lstStyle/>
          <a:p>
            <a:pPr algn="ctr"/>
            <a:r>
              <a:rPr lang="vi-VN" sz="2200" dirty="0">
                <a:solidFill>
                  <a:schemeClr val="tx1"/>
                </a:solidFill>
                <a:latin typeface="Arial" panose="020B0604020202020204" pitchFamily="34" charset="0"/>
                <a:cs typeface="Arial" panose="020B0604020202020204" pitchFamily="34" charset="0"/>
              </a:rPr>
              <a:t>C. cao đẳng.</a:t>
            </a:r>
          </a:p>
        </p:txBody>
      </p:sp>
      <p:sp>
        <p:nvSpPr>
          <p:cNvPr id="10" name="Rectangle: Rounded Corners 9">
            <a:extLst>
              <a:ext uri="{FF2B5EF4-FFF2-40B4-BE49-F238E27FC236}">
                <a16:creationId xmlns:a16="http://schemas.microsoft.com/office/drawing/2014/main" xmlns="" id="{95CF8633-FFAD-0B4A-B9F1-5B1587C481D6}"/>
              </a:ext>
            </a:extLst>
          </p:cNvPr>
          <p:cNvSpPr/>
          <p:nvPr/>
        </p:nvSpPr>
        <p:spPr>
          <a:xfrm>
            <a:off x="4622176" y="3403343"/>
            <a:ext cx="4102722"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72000" rtlCol="0" anchor="ctr"/>
          <a:lstStyle/>
          <a:p>
            <a:pPr algn="ctr"/>
            <a:r>
              <a:rPr lang="vi-VN" sz="2200" dirty="0">
                <a:solidFill>
                  <a:schemeClr val="tx1"/>
                </a:solidFill>
                <a:latin typeface="Arial" panose="020B0604020202020204" pitchFamily="34" charset="0"/>
                <a:cs typeface="Arial" panose="020B0604020202020204" pitchFamily="34" charset="0"/>
              </a:rPr>
              <a:t>D. trung cấp.  </a:t>
            </a:r>
          </a:p>
        </p:txBody>
      </p:sp>
      <p:sp>
        <p:nvSpPr>
          <p:cNvPr id="12" name="Rectangle: Rounded Corners 11">
            <a:extLst>
              <a:ext uri="{FF2B5EF4-FFF2-40B4-BE49-F238E27FC236}">
                <a16:creationId xmlns:a16="http://schemas.microsoft.com/office/drawing/2014/main" xmlns="" id="{9981C190-4C82-F9D7-AC67-5C5D13AEAA78}"/>
              </a:ext>
            </a:extLst>
          </p:cNvPr>
          <p:cNvSpPr/>
          <p:nvPr/>
        </p:nvSpPr>
        <p:spPr>
          <a:xfrm>
            <a:off x="419097" y="3403342"/>
            <a:ext cx="4102722" cy="1236305"/>
          </a:xfrm>
          <a:prstGeom prst="roundRect">
            <a:avLst/>
          </a:prstGeom>
          <a:solidFill>
            <a:srgbClr val="92D050"/>
          </a:solidFill>
          <a:ln>
            <a:solidFill>
              <a:srgbClr val="92D050"/>
            </a:solidFill>
          </a:ln>
        </p:spPr>
        <p:style>
          <a:lnRef idx="1">
            <a:schemeClr val="accent6"/>
          </a:lnRef>
          <a:fillRef idx="3">
            <a:schemeClr val="accent6"/>
          </a:fillRef>
          <a:effectRef idx="2">
            <a:schemeClr val="accent6"/>
          </a:effectRef>
          <a:fontRef idx="minor">
            <a:schemeClr val="lt1"/>
          </a:fontRef>
        </p:style>
        <p:txBody>
          <a:bodyPr bIns="108000" rtlCol="0" anchor="ctr"/>
          <a:lstStyle/>
          <a:p>
            <a:pPr algn="ctr"/>
            <a:r>
              <a:rPr lang="vi-VN" sz="2400" dirty="0">
                <a:solidFill>
                  <a:schemeClr val="tx1"/>
                </a:solidFill>
                <a:cs typeface="Arial" panose="020B0604020202020204" pitchFamily="34" charset="0"/>
              </a:rPr>
              <a:t>B. thạc sĩ, tiến sĩ.</a:t>
            </a:r>
          </a:p>
        </p:txBody>
      </p:sp>
      <p:pic>
        <p:nvPicPr>
          <p:cNvPr id="2" name="Graphic 1" descr="Briefcase">
            <a:hlinkClick r:id="rId4" action="ppaction://hlinksldjump"/>
            <a:extLst>
              <a:ext uri="{FF2B5EF4-FFF2-40B4-BE49-F238E27FC236}">
                <a16:creationId xmlns:a16="http://schemas.microsoft.com/office/drawing/2014/main" xmlns="" id="{2A226587-D6C1-41A3-185F-14F90BC8D06A}"/>
              </a:ext>
            </a:extLst>
          </p:cNvPr>
          <p:cNvPicPr>
            <a:picLocks noChangeAspect="1"/>
          </p:cNvPicPr>
          <p:nvPr/>
        </p:nvPicPr>
        <p:blipFill>
          <a:blip r:embed="rId5">
            <a:extLst>
              <a:ext uri="{96DAC541-7B7A-43D3-8B79-37D633B846F1}">
                <asvg:svgBlip xmlns:asvg="http://schemas.microsoft.com/office/drawing/2016/SVG/main" xmlns="" r:embed="rId6"/>
              </a:ext>
            </a:extLst>
          </a:blip>
          <a:stretch>
            <a:fillRect/>
          </a:stretch>
        </p:blipFill>
        <p:spPr>
          <a:xfrm>
            <a:off x="8558784" y="4639647"/>
            <a:ext cx="457200" cy="457200"/>
          </a:xfrm>
          <a:prstGeom prst="rect">
            <a:avLst/>
          </a:prstGeom>
        </p:spPr>
      </p:pic>
    </p:spTree>
    <p:custDataLst>
      <p:tags r:id="rId1"/>
    </p:custDataLst>
    <p:extLst>
      <p:ext uri="{BB962C8B-B14F-4D97-AF65-F5344CB8AC3E}">
        <p14:creationId xmlns:p14="http://schemas.microsoft.com/office/powerpoint/2010/main" val="805574700"/>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randombar(horizontal)">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6" presetClass="entr" presetSubtype="21"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arn(inVertical)">
                                      <p:cBhvr>
                                        <p:cTn id="12" dur="500"/>
                                        <p:tgtEl>
                                          <p:spTgt spid="5"/>
                                        </p:tgtEl>
                                      </p:cBhvr>
                                    </p:animEffect>
                                  </p:childTnLst>
                                </p:cTn>
                              </p:par>
                              <p:par>
                                <p:cTn id="13" presetID="16" presetClass="entr" presetSubtype="21" fill="hold" grpId="0" nodeType="with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barn(inVertical)">
                                      <p:cBhvr>
                                        <p:cTn id="15" dur="500"/>
                                        <p:tgtEl>
                                          <p:spTgt spid="6"/>
                                        </p:tgtEl>
                                      </p:cBhvr>
                                    </p:animEffect>
                                  </p:childTnLst>
                                </p:cTn>
                              </p:par>
                              <p:par>
                                <p:cTn id="16" presetID="16" presetClass="entr" presetSubtype="21" fill="hold" grpId="0" nodeType="withEffect">
                                  <p:stCondLst>
                                    <p:cond delay="0"/>
                                  </p:stCondLst>
                                  <p:childTnLst>
                                    <p:set>
                                      <p:cBhvr>
                                        <p:cTn id="17" dur="1" fill="hold">
                                          <p:stCondLst>
                                            <p:cond delay="0"/>
                                          </p:stCondLst>
                                        </p:cTn>
                                        <p:tgtEl>
                                          <p:spTgt spid="9"/>
                                        </p:tgtEl>
                                        <p:attrNameLst>
                                          <p:attrName>style.visibility</p:attrName>
                                        </p:attrNameLst>
                                      </p:cBhvr>
                                      <p:to>
                                        <p:strVal val="visible"/>
                                      </p:to>
                                    </p:set>
                                    <p:animEffect transition="in" filter="barn(inVertical)">
                                      <p:cBhvr>
                                        <p:cTn id="18" dur="500"/>
                                        <p:tgtEl>
                                          <p:spTgt spid="9"/>
                                        </p:tgtEl>
                                      </p:cBhvr>
                                    </p:animEffect>
                                  </p:childTnLst>
                                </p:cTn>
                              </p:par>
                              <p:par>
                                <p:cTn id="19" presetID="16" presetClass="entr" presetSubtype="21" fill="hold" grpId="0" nodeType="withEffect">
                                  <p:stCondLst>
                                    <p:cond delay="0"/>
                                  </p:stCondLst>
                                  <p:childTnLst>
                                    <p:set>
                                      <p:cBhvr>
                                        <p:cTn id="20" dur="1" fill="hold">
                                          <p:stCondLst>
                                            <p:cond delay="0"/>
                                          </p:stCondLst>
                                        </p:cTn>
                                        <p:tgtEl>
                                          <p:spTgt spid="10"/>
                                        </p:tgtEl>
                                        <p:attrNameLst>
                                          <p:attrName>style.visibility</p:attrName>
                                        </p:attrNameLst>
                                      </p:cBhvr>
                                      <p:to>
                                        <p:strVal val="visible"/>
                                      </p:to>
                                    </p:set>
                                    <p:animEffect transition="in" filter="barn(inVertical)">
                                      <p:cBhvr>
                                        <p:cTn id="21" dur="500"/>
                                        <p:tgtEl>
                                          <p:spTgt spid="10"/>
                                        </p:tgtEl>
                                      </p:cBhvr>
                                    </p:animEffect>
                                  </p:childTnLst>
                                </p:cTn>
                              </p:par>
                            </p:childTnLst>
                          </p:cTn>
                        </p:par>
                      </p:childTnLst>
                    </p:cTn>
                  </p:par>
                  <p:par>
                    <p:cTn id="22" fill="hold">
                      <p:stCondLst>
                        <p:cond delay="indefinite"/>
                      </p:stCondLst>
                      <p:childTnLst>
                        <p:par>
                          <p:cTn id="23" fill="hold">
                            <p:stCondLst>
                              <p:cond delay="0"/>
                            </p:stCondLst>
                            <p:childTnLst>
                              <p:par>
                                <p:cTn id="24" presetID="3" presetClass="entr" presetSubtype="10" fill="hold" grpId="0" nodeType="clickEffect">
                                  <p:stCondLst>
                                    <p:cond delay="0"/>
                                  </p:stCondLst>
                                  <p:childTnLst>
                                    <p:set>
                                      <p:cBhvr>
                                        <p:cTn id="25" dur="1" fill="hold">
                                          <p:stCondLst>
                                            <p:cond delay="0"/>
                                          </p:stCondLst>
                                        </p:cTn>
                                        <p:tgtEl>
                                          <p:spTgt spid="12"/>
                                        </p:tgtEl>
                                        <p:attrNameLst>
                                          <p:attrName>style.visibility</p:attrName>
                                        </p:attrNameLst>
                                      </p:cBhvr>
                                      <p:to>
                                        <p:strVal val="visible"/>
                                      </p:to>
                                    </p:set>
                                    <p:animEffect transition="in" filter="blinds(horizontal)">
                                      <p:cBhvr>
                                        <p:cTn id="26"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animBg="1"/>
      <p:bldP spid="9" grpId="0" animBg="1"/>
      <p:bldP spid="10" grpId="0" animBg="1"/>
      <p:bldP spid="12"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Rounded Corners 3">
            <a:extLst>
              <a:ext uri="{FF2B5EF4-FFF2-40B4-BE49-F238E27FC236}">
                <a16:creationId xmlns:a16="http://schemas.microsoft.com/office/drawing/2014/main" xmlns="" id="{E7446065-016F-E10E-8D7E-B487A02697ED}"/>
              </a:ext>
            </a:extLst>
          </p:cNvPr>
          <p:cNvSpPr/>
          <p:nvPr/>
        </p:nvSpPr>
        <p:spPr>
          <a:xfrm>
            <a:off x="334669" y="453706"/>
            <a:ext cx="8474662" cy="1189655"/>
          </a:xfrm>
          <a:prstGeom prst="roundRect">
            <a:avLst/>
          </a:prstGeom>
          <a:solidFill>
            <a:schemeClr val="accent5"/>
          </a:solidFill>
          <a:ln>
            <a:noFill/>
          </a:ln>
        </p:spPr>
        <p:style>
          <a:lnRef idx="1">
            <a:schemeClr val="accent6"/>
          </a:lnRef>
          <a:fillRef idx="3">
            <a:schemeClr val="accent6"/>
          </a:fillRef>
          <a:effectRef idx="2">
            <a:schemeClr val="accent6"/>
          </a:effectRef>
          <a:fontRef idx="minor">
            <a:schemeClr val="lt1"/>
          </a:fontRef>
        </p:style>
        <p:txBody>
          <a:bodyPr bIns="144000" rtlCol="0" anchor="ctr"/>
          <a:lstStyle/>
          <a:p>
            <a:pPr algn="ctr"/>
            <a:r>
              <a:rPr lang="vi-VN" sz="2400" b="1" kern="1200" dirty="0">
                <a:solidFill>
                  <a:srgbClr val="FFFFFF"/>
                </a:solidFill>
                <a:latin typeface="Arial" panose="020B0604020202020204" pitchFamily="34" charset="0"/>
                <a:cs typeface="Arial" panose="020B0604020202020204" pitchFamily="34" charset="0"/>
              </a:rPr>
              <a:t>Câu 4:</a:t>
            </a:r>
            <a:r>
              <a:rPr lang="en-US" sz="2400" b="1" kern="1200" dirty="0">
                <a:solidFill>
                  <a:srgbClr val="FFFFFF"/>
                </a:solidFill>
                <a:latin typeface="Arial" panose="020B0604020202020204" pitchFamily="34" charset="0"/>
                <a:cs typeface="Arial" panose="020B0604020202020204" pitchFamily="34" charset="0"/>
              </a:rPr>
              <a:t> </a:t>
            </a:r>
            <a:r>
              <a:rPr lang="vi-VN" sz="2400" dirty="0">
                <a:solidFill>
                  <a:srgbClr val="FFFFFF"/>
                </a:solidFill>
                <a:latin typeface="Arial" panose="020B0604020202020204" pitchFamily="34" charset="0"/>
                <a:cs typeface="Arial" panose="020B0604020202020204" pitchFamily="34" charset="0"/>
              </a:rPr>
              <a:t>Giáo dục phổ thông có mấy thời điểm phân luồng?</a:t>
            </a:r>
          </a:p>
        </p:txBody>
      </p:sp>
      <p:sp>
        <p:nvSpPr>
          <p:cNvPr id="5" name="Rectangle: Rounded Corners 4">
            <a:extLst>
              <a:ext uri="{FF2B5EF4-FFF2-40B4-BE49-F238E27FC236}">
                <a16:creationId xmlns:a16="http://schemas.microsoft.com/office/drawing/2014/main" xmlns="" id="{694EE124-D2B0-EB92-34BB-171A6E5DFF49}"/>
              </a:ext>
            </a:extLst>
          </p:cNvPr>
          <p:cNvSpPr/>
          <p:nvPr/>
        </p:nvSpPr>
        <p:spPr>
          <a:xfrm>
            <a:off x="334669" y="1833470"/>
            <a:ext cx="3850346"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ctr"/>
            <a:r>
              <a:rPr lang="vi-VN" sz="2400" dirty="0">
                <a:solidFill>
                  <a:sysClr val="windowText" lastClr="000000"/>
                </a:solidFill>
                <a:latin typeface="Arial" panose="020B0604020202020204" pitchFamily="34" charset="0"/>
                <a:cs typeface="Arial" panose="020B0604020202020204" pitchFamily="34" charset="0"/>
              </a:rPr>
              <a:t>A. 1.</a:t>
            </a:r>
          </a:p>
        </p:txBody>
      </p:sp>
      <p:sp>
        <p:nvSpPr>
          <p:cNvPr id="6" name="Rectangle: Rounded Corners 5">
            <a:extLst>
              <a:ext uri="{FF2B5EF4-FFF2-40B4-BE49-F238E27FC236}">
                <a16:creationId xmlns:a16="http://schemas.microsoft.com/office/drawing/2014/main" xmlns="" id="{5F79DB41-7308-0943-C5D6-16DFA84552E0}"/>
              </a:ext>
            </a:extLst>
          </p:cNvPr>
          <p:cNvSpPr/>
          <p:nvPr/>
        </p:nvSpPr>
        <p:spPr>
          <a:xfrm>
            <a:off x="334669" y="3403343"/>
            <a:ext cx="3850346"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ctr"/>
            <a:r>
              <a:rPr lang="vi-VN" sz="2400" dirty="0">
                <a:solidFill>
                  <a:sysClr val="windowText" lastClr="000000"/>
                </a:solidFill>
                <a:latin typeface="Arial" panose="020B0604020202020204" pitchFamily="34" charset="0"/>
                <a:cs typeface="Arial" panose="020B0604020202020204" pitchFamily="34" charset="0"/>
              </a:rPr>
              <a:t>B. 3.</a:t>
            </a:r>
          </a:p>
        </p:txBody>
      </p:sp>
      <p:sp>
        <p:nvSpPr>
          <p:cNvPr id="9" name="Rectangle: Rounded Corners 8">
            <a:extLst>
              <a:ext uri="{FF2B5EF4-FFF2-40B4-BE49-F238E27FC236}">
                <a16:creationId xmlns:a16="http://schemas.microsoft.com/office/drawing/2014/main" xmlns="" id="{E50428A7-6D5D-1729-229C-7A3DE2A5E422}"/>
              </a:ext>
            </a:extLst>
          </p:cNvPr>
          <p:cNvSpPr/>
          <p:nvPr/>
        </p:nvSpPr>
        <p:spPr>
          <a:xfrm>
            <a:off x="4958987" y="1833470"/>
            <a:ext cx="3850346"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ctr"/>
            <a:r>
              <a:rPr lang="vi-VN" sz="2400" dirty="0">
                <a:solidFill>
                  <a:sysClr val="windowText" lastClr="000000"/>
                </a:solidFill>
                <a:latin typeface="Arial" panose="020B0604020202020204" pitchFamily="34" charset="0"/>
                <a:cs typeface="Arial" panose="020B0604020202020204" pitchFamily="34" charset="0"/>
              </a:rPr>
              <a:t>C. 4.</a:t>
            </a:r>
          </a:p>
        </p:txBody>
      </p:sp>
      <p:sp>
        <p:nvSpPr>
          <p:cNvPr id="10" name="Rectangle: Rounded Corners 9">
            <a:extLst>
              <a:ext uri="{FF2B5EF4-FFF2-40B4-BE49-F238E27FC236}">
                <a16:creationId xmlns:a16="http://schemas.microsoft.com/office/drawing/2014/main" xmlns="" id="{95CF8633-FFAD-0B4A-B9F1-5B1587C481D6}"/>
              </a:ext>
            </a:extLst>
          </p:cNvPr>
          <p:cNvSpPr/>
          <p:nvPr/>
        </p:nvSpPr>
        <p:spPr>
          <a:xfrm>
            <a:off x="4958987" y="3403343"/>
            <a:ext cx="3850346" cy="123630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ctr"/>
            <a:r>
              <a:rPr lang="vi-VN" sz="2400" dirty="0">
                <a:solidFill>
                  <a:sysClr val="windowText" lastClr="000000"/>
                </a:solidFill>
                <a:latin typeface="Arial" panose="020B0604020202020204" pitchFamily="34" charset="0"/>
                <a:cs typeface="Arial" panose="020B0604020202020204" pitchFamily="34" charset="0"/>
              </a:rPr>
              <a:t>D. 2.</a:t>
            </a:r>
          </a:p>
        </p:txBody>
      </p:sp>
      <p:sp>
        <p:nvSpPr>
          <p:cNvPr id="12" name="Rectangle: Rounded Corners 11">
            <a:extLst>
              <a:ext uri="{FF2B5EF4-FFF2-40B4-BE49-F238E27FC236}">
                <a16:creationId xmlns:a16="http://schemas.microsoft.com/office/drawing/2014/main" xmlns="" id="{9981C190-4C82-F9D7-AC67-5C5D13AEAA78}"/>
              </a:ext>
            </a:extLst>
          </p:cNvPr>
          <p:cNvSpPr/>
          <p:nvPr/>
        </p:nvSpPr>
        <p:spPr>
          <a:xfrm>
            <a:off x="4958987" y="3403343"/>
            <a:ext cx="3850346" cy="1236305"/>
          </a:xfrm>
          <a:prstGeom prst="roundRect">
            <a:avLst/>
          </a:prstGeom>
          <a:solidFill>
            <a:srgbClr val="92D050"/>
          </a:solidFill>
          <a:ln>
            <a:solidFill>
              <a:srgbClr val="92D050"/>
            </a:solidFill>
          </a:ln>
        </p:spPr>
        <p:style>
          <a:lnRef idx="1">
            <a:schemeClr val="accent6"/>
          </a:lnRef>
          <a:fillRef idx="3">
            <a:schemeClr val="accent6"/>
          </a:fillRef>
          <a:effectRef idx="2">
            <a:schemeClr val="accent6"/>
          </a:effectRef>
          <a:fontRef idx="minor">
            <a:schemeClr val="lt1"/>
          </a:fontRef>
        </p:style>
        <p:txBody>
          <a:bodyPr bIns="144000" rtlCol="0" anchor="ctr"/>
          <a:lstStyle/>
          <a:p>
            <a:pPr algn="ctr"/>
            <a:r>
              <a:rPr lang="vi-VN" sz="2400" dirty="0">
                <a:solidFill>
                  <a:sysClr val="windowText" lastClr="000000"/>
                </a:solidFill>
                <a:cs typeface="Arial" panose="020B0604020202020204" pitchFamily="34" charset="0"/>
              </a:rPr>
              <a:t>D. 2.</a:t>
            </a:r>
          </a:p>
        </p:txBody>
      </p:sp>
      <p:pic>
        <p:nvPicPr>
          <p:cNvPr id="2" name="Graphic 1" descr="Briefcase">
            <a:hlinkClick r:id="rId4" action="ppaction://hlinksldjump"/>
            <a:extLst>
              <a:ext uri="{FF2B5EF4-FFF2-40B4-BE49-F238E27FC236}">
                <a16:creationId xmlns:a16="http://schemas.microsoft.com/office/drawing/2014/main" xmlns="" id="{AF9D56F8-567B-4B7C-A732-E2BD6ED6C52A}"/>
              </a:ext>
            </a:extLst>
          </p:cNvPr>
          <p:cNvPicPr>
            <a:picLocks noChangeAspect="1"/>
          </p:cNvPicPr>
          <p:nvPr/>
        </p:nvPicPr>
        <p:blipFill>
          <a:blip r:embed="rId5">
            <a:extLst>
              <a:ext uri="{96DAC541-7B7A-43D3-8B79-37D633B846F1}">
                <asvg:svgBlip xmlns:asvg="http://schemas.microsoft.com/office/drawing/2016/SVG/main" xmlns="" r:embed="rId6"/>
              </a:ext>
            </a:extLst>
          </a:blip>
          <a:stretch>
            <a:fillRect/>
          </a:stretch>
        </p:blipFill>
        <p:spPr>
          <a:xfrm>
            <a:off x="8558784" y="4639647"/>
            <a:ext cx="457200" cy="457200"/>
          </a:xfrm>
          <a:prstGeom prst="rect">
            <a:avLst/>
          </a:prstGeom>
        </p:spPr>
      </p:pic>
    </p:spTree>
    <p:custDataLst>
      <p:tags r:id="rId1"/>
    </p:custDataLst>
    <p:extLst>
      <p:ext uri="{BB962C8B-B14F-4D97-AF65-F5344CB8AC3E}">
        <p14:creationId xmlns:p14="http://schemas.microsoft.com/office/powerpoint/2010/main" val="3226614891"/>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randombar(horizontal)">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6" presetClass="entr" presetSubtype="21"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arn(inVertical)">
                                      <p:cBhvr>
                                        <p:cTn id="12" dur="500"/>
                                        <p:tgtEl>
                                          <p:spTgt spid="5"/>
                                        </p:tgtEl>
                                      </p:cBhvr>
                                    </p:animEffect>
                                  </p:childTnLst>
                                </p:cTn>
                              </p:par>
                              <p:par>
                                <p:cTn id="13" presetID="16" presetClass="entr" presetSubtype="21" fill="hold" grpId="0" nodeType="with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barn(inVertical)">
                                      <p:cBhvr>
                                        <p:cTn id="15" dur="500"/>
                                        <p:tgtEl>
                                          <p:spTgt spid="6"/>
                                        </p:tgtEl>
                                      </p:cBhvr>
                                    </p:animEffect>
                                  </p:childTnLst>
                                </p:cTn>
                              </p:par>
                              <p:par>
                                <p:cTn id="16" presetID="16" presetClass="entr" presetSubtype="21" fill="hold" grpId="0" nodeType="withEffect">
                                  <p:stCondLst>
                                    <p:cond delay="0"/>
                                  </p:stCondLst>
                                  <p:childTnLst>
                                    <p:set>
                                      <p:cBhvr>
                                        <p:cTn id="17" dur="1" fill="hold">
                                          <p:stCondLst>
                                            <p:cond delay="0"/>
                                          </p:stCondLst>
                                        </p:cTn>
                                        <p:tgtEl>
                                          <p:spTgt spid="9"/>
                                        </p:tgtEl>
                                        <p:attrNameLst>
                                          <p:attrName>style.visibility</p:attrName>
                                        </p:attrNameLst>
                                      </p:cBhvr>
                                      <p:to>
                                        <p:strVal val="visible"/>
                                      </p:to>
                                    </p:set>
                                    <p:animEffect transition="in" filter="barn(inVertical)">
                                      <p:cBhvr>
                                        <p:cTn id="18" dur="500"/>
                                        <p:tgtEl>
                                          <p:spTgt spid="9"/>
                                        </p:tgtEl>
                                      </p:cBhvr>
                                    </p:animEffect>
                                  </p:childTnLst>
                                </p:cTn>
                              </p:par>
                              <p:par>
                                <p:cTn id="19" presetID="16" presetClass="entr" presetSubtype="21" fill="hold" grpId="0" nodeType="withEffect">
                                  <p:stCondLst>
                                    <p:cond delay="0"/>
                                  </p:stCondLst>
                                  <p:childTnLst>
                                    <p:set>
                                      <p:cBhvr>
                                        <p:cTn id="20" dur="1" fill="hold">
                                          <p:stCondLst>
                                            <p:cond delay="0"/>
                                          </p:stCondLst>
                                        </p:cTn>
                                        <p:tgtEl>
                                          <p:spTgt spid="10"/>
                                        </p:tgtEl>
                                        <p:attrNameLst>
                                          <p:attrName>style.visibility</p:attrName>
                                        </p:attrNameLst>
                                      </p:cBhvr>
                                      <p:to>
                                        <p:strVal val="visible"/>
                                      </p:to>
                                    </p:set>
                                    <p:animEffect transition="in" filter="barn(inVertical)">
                                      <p:cBhvr>
                                        <p:cTn id="21" dur="500"/>
                                        <p:tgtEl>
                                          <p:spTgt spid="10"/>
                                        </p:tgtEl>
                                      </p:cBhvr>
                                    </p:animEffect>
                                  </p:childTnLst>
                                </p:cTn>
                              </p:par>
                            </p:childTnLst>
                          </p:cTn>
                        </p:par>
                      </p:childTnLst>
                    </p:cTn>
                  </p:par>
                  <p:par>
                    <p:cTn id="22" fill="hold">
                      <p:stCondLst>
                        <p:cond delay="indefinite"/>
                      </p:stCondLst>
                      <p:childTnLst>
                        <p:par>
                          <p:cTn id="23" fill="hold">
                            <p:stCondLst>
                              <p:cond delay="0"/>
                            </p:stCondLst>
                            <p:childTnLst>
                              <p:par>
                                <p:cTn id="24" presetID="3" presetClass="entr" presetSubtype="10" fill="hold" grpId="0" nodeType="clickEffect">
                                  <p:stCondLst>
                                    <p:cond delay="0"/>
                                  </p:stCondLst>
                                  <p:childTnLst>
                                    <p:set>
                                      <p:cBhvr>
                                        <p:cTn id="25" dur="1" fill="hold">
                                          <p:stCondLst>
                                            <p:cond delay="0"/>
                                          </p:stCondLst>
                                        </p:cTn>
                                        <p:tgtEl>
                                          <p:spTgt spid="12"/>
                                        </p:tgtEl>
                                        <p:attrNameLst>
                                          <p:attrName>style.visibility</p:attrName>
                                        </p:attrNameLst>
                                      </p:cBhvr>
                                      <p:to>
                                        <p:strVal val="visible"/>
                                      </p:to>
                                    </p:set>
                                    <p:animEffect transition="in" filter="blinds(horizontal)">
                                      <p:cBhvr>
                                        <p:cTn id="26"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animBg="1"/>
      <p:bldP spid="9" grpId="0" animBg="1"/>
      <p:bldP spid="10" grpId="0" animBg="1"/>
      <p:bldP spid="12" grpId="0" animBg="1"/>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Rounded Corners 3">
            <a:extLst>
              <a:ext uri="{FF2B5EF4-FFF2-40B4-BE49-F238E27FC236}">
                <a16:creationId xmlns:a16="http://schemas.microsoft.com/office/drawing/2014/main" xmlns="" id="{E7446065-016F-E10E-8D7E-B487A02697ED}"/>
              </a:ext>
            </a:extLst>
          </p:cNvPr>
          <p:cNvSpPr/>
          <p:nvPr/>
        </p:nvSpPr>
        <p:spPr>
          <a:xfrm>
            <a:off x="419100" y="356896"/>
            <a:ext cx="8305799" cy="898590"/>
          </a:xfrm>
          <a:prstGeom prst="roundRect">
            <a:avLst/>
          </a:prstGeom>
          <a:solidFill>
            <a:schemeClr val="accent5"/>
          </a:solidFill>
          <a:ln>
            <a:noFill/>
          </a:ln>
        </p:spPr>
        <p:style>
          <a:lnRef idx="1">
            <a:schemeClr val="accent6"/>
          </a:lnRef>
          <a:fillRef idx="3">
            <a:schemeClr val="accent6"/>
          </a:fillRef>
          <a:effectRef idx="2">
            <a:schemeClr val="accent6"/>
          </a:effectRef>
          <a:fontRef idx="minor">
            <a:schemeClr val="lt1"/>
          </a:fontRef>
        </p:style>
        <p:txBody>
          <a:bodyPr bIns="72000" rtlCol="0" anchor="ctr"/>
          <a:lstStyle/>
          <a:p>
            <a:pPr algn="ctr"/>
            <a:r>
              <a:rPr lang="vi-VN" sz="2400" b="1" kern="1200" dirty="0">
                <a:solidFill>
                  <a:srgbClr val="FFFFFF"/>
                </a:solidFill>
                <a:latin typeface="Arial" panose="020B0604020202020204" pitchFamily="34" charset="0"/>
                <a:cs typeface="Arial" panose="020B0604020202020204" pitchFamily="34" charset="0"/>
              </a:rPr>
              <a:t>Câu 5:</a:t>
            </a:r>
            <a:r>
              <a:rPr lang="en-US" sz="2400" b="1" kern="1200" dirty="0">
                <a:solidFill>
                  <a:srgbClr val="FFFFFF"/>
                </a:solidFill>
                <a:latin typeface="Arial" panose="020B0604020202020204" pitchFamily="34" charset="0"/>
                <a:cs typeface="Arial" panose="020B0604020202020204" pitchFamily="34" charset="0"/>
              </a:rPr>
              <a:t> </a:t>
            </a:r>
            <a:r>
              <a:rPr lang="vi-VN" sz="2400" dirty="0">
                <a:solidFill>
                  <a:srgbClr val="FFFFFF"/>
                </a:solidFill>
                <a:latin typeface="Arial" panose="020B0604020202020204" pitchFamily="34" charset="0"/>
                <a:cs typeface="Arial" panose="020B0604020202020204" pitchFamily="34" charset="0"/>
              </a:rPr>
              <a:t>Phân luồng trong giáo dục là gì? </a:t>
            </a:r>
          </a:p>
        </p:txBody>
      </p:sp>
      <p:sp>
        <p:nvSpPr>
          <p:cNvPr id="5" name="Rectangle: Rounded Corners 4">
            <a:extLst>
              <a:ext uri="{FF2B5EF4-FFF2-40B4-BE49-F238E27FC236}">
                <a16:creationId xmlns:a16="http://schemas.microsoft.com/office/drawing/2014/main" xmlns="" id="{694EE124-D2B0-EB92-34BB-171A6E5DFF49}"/>
              </a:ext>
            </a:extLst>
          </p:cNvPr>
          <p:cNvSpPr/>
          <p:nvPr/>
        </p:nvSpPr>
        <p:spPr>
          <a:xfrm>
            <a:off x="419099" y="1502487"/>
            <a:ext cx="3935185" cy="151363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just">
              <a:lnSpc>
                <a:spcPct val="150000"/>
              </a:lnSpc>
            </a:pPr>
            <a:r>
              <a:rPr lang="vi-VN" sz="2200" dirty="0">
                <a:solidFill>
                  <a:schemeClr val="tx1"/>
                </a:solidFill>
                <a:latin typeface="Arial" panose="020B0604020202020204" pitchFamily="34" charset="0"/>
                <a:cs typeface="Arial" panose="020B0604020202020204" pitchFamily="34" charset="0"/>
              </a:rPr>
              <a:t>A. Cách tổ chức các sự kiện ngoại khóa để phát triển năng lực cá nhân.</a:t>
            </a:r>
          </a:p>
        </p:txBody>
      </p:sp>
      <p:sp>
        <p:nvSpPr>
          <p:cNvPr id="6" name="Rectangle: Rounded Corners 5">
            <a:extLst>
              <a:ext uri="{FF2B5EF4-FFF2-40B4-BE49-F238E27FC236}">
                <a16:creationId xmlns:a16="http://schemas.microsoft.com/office/drawing/2014/main" xmlns="" id="{5F79DB41-7308-0943-C5D6-16DFA84552E0}"/>
              </a:ext>
            </a:extLst>
          </p:cNvPr>
          <p:cNvSpPr/>
          <p:nvPr/>
        </p:nvSpPr>
        <p:spPr>
          <a:xfrm>
            <a:off x="419098" y="3264678"/>
            <a:ext cx="3935185" cy="151363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just">
              <a:lnSpc>
                <a:spcPct val="150000"/>
              </a:lnSpc>
            </a:pPr>
            <a:r>
              <a:rPr lang="vi-VN" sz="2200" dirty="0">
                <a:solidFill>
                  <a:schemeClr val="tx1"/>
                </a:solidFill>
                <a:latin typeface="Arial" panose="020B0604020202020204" pitchFamily="34" charset="0"/>
                <a:cs typeface="Arial" panose="020B0604020202020204" pitchFamily="34" charset="0"/>
              </a:rPr>
              <a:t>B. Quy trình tách biệt học sinh theo khả năng học về mặt lý thuyết.</a:t>
            </a:r>
          </a:p>
        </p:txBody>
      </p:sp>
      <p:sp>
        <p:nvSpPr>
          <p:cNvPr id="9" name="Rectangle: Rounded Corners 8">
            <a:extLst>
              <a:ext uri="{FF2B5EF4-FFF2-40B4-BE49-F238E27FC236}">
                <a16:creationId xmlns:a16="http://schemas.microsoft.com/office/drawing/2014/main" xmlns="" id="{E50428A7-6D5D-1729-229C-7A3DE2A5E422}"/>
              </a:ext>
            </a:extLst>
          </p:cNvPr>
          <p:cNvSpPr/>
          <p:nvPr/>
        </p:nvSpPr>
        <p:spPr>
          <a:xfrm>
            <a:off x="4789715" y="1502487"/>
            <a:ext cx="3935185" cy="151363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just">
              <a:lnSpc>
                <a:spcPct val="150000"/>
              </a:lnSpc>
            </a:pPr>
            <a:r>
              <a:rPr lang="vi-VN" sz="2200" dirty="0">
                <a:solidFill>
                  <a:schemeClr val="tx1"/>
                </a:solidFill>
                <a:latin typeface="Arial" panose="020B0604020202020204" pitchFamily="34" charset="0"/>
                <a:cs typeface="Arial" panose="020B0604020202020204" pitchFamily="34" charset="0"/>
              </a:rPr>
              <a:t>C. Biện pháp tổ chức hoạt động giáo dục dựa trên cơ sở thực hiện hướng nghiệp.</a:t>
            </a:r>
          </a:p>
        </p:txBody>
      </p:sp>
      <p:sp>
        <p:nvSpPr>
          <p:cNvPr id="10" name="Rectangle: Rounded Corners 9">
            <a:extLst>
              <a:ext uri="{FF2B5EF4-FFF2-40B4-BE49-F238E27FC236}">
                <a16:creationId xmlns:a16="http://schemas.microsoft.com/office/drawing/2014/main" xmlns="" id="{95CF8633-FFAD-0B4A-B9F1-5B1587C481D6}"/>
              </a:ext>
            </a:extLst>
          </p:cNvPr>
          <p:cNvSpPr/>
          <p:nvPr/>
        </p:nvSpPr>
        <p:spPr>
          <a:xfrm>
            <a:off x="4789714" y="3264678"/>
            <a:ext cx="3935185" cy="1513634"/>
          </a:xfrm>
          <a:prstGeom prst="roundRect">
            <a:avLst/>
          </a:prstGeom>
          <a:solidFill>
            <a:schemeClr val="bg1"/>
          </a:solidFill>
          <a:ln>
            <a:solidFill>
              <a:schemeClr val="tx1">
                <a:lumMod val="40000"/>
                <a:lumOff val="60000"/>
              </a:schemeClr>
            </a:solidFill>
          </a:ln>
        </p:spPr>
        <p:style>
          <a:lnRef idx="2">
            <a:schemeClr val="accent3">
              <a:shade val="15000"/>
            </a:schemeClr>
          </a:lnRef>
          <a:fillRef idx="1">
            <a:schemeClr val="accent3"/>
          </a:fillRef>
          <a:effectRef idx="0">
            <a:schemeClr val="accent3"/>
          </a:effectRef>
          <a:fontRef idx="minor">
            <a:schemeClr val="lt1"/>
          </a:fontRef>
        </p:style>
        <p:txBody>
          <a:bodyPr bIns="108000" rtlCol="0" anchor="ctr"/>
          <a:lstStyle/>
          <a:p>
            <a:pPr algn="just">
              <a:lnSpc>
                <a:spcPct val="150000"/>
              </a:lnSpc>
            </a:pPr>
            <a:r>
              <a:rPr lang="vi-VN" sz="2200" dirty="0">
                <a:solidFill>
                  <a:schemeClr val="tx1"/>
                </a:solidFill>
                <a:latin typeface="Arial" panose="020B0604020202020204" pitchFamily="34" charset="0"/>
                <a:cs typeface="Arial" panose="020B0604020202020204" pitchFamily="34" charset="0"/>
              </a:rPr>
              <a:t>D. Phương pháp giảng dạy các môn học theo nhu cầu xã hội. </a:t>
            </a:r>
          </a:p>
        </p:txBody>
      </p:sp>
      <p:sp>
        <p:nvSpPr>
          <p:cNvPr id="12" name="Rectangle: Rounded Corners 11">
            <a:extLst>
              <a:ext uri="{FF2B5EF4-FFF2-40B4-BE49-F238E27FC236}">
                <a16:creationId xmlns:a16="http://schemas.microsoft.com/office/drawing/2014/main" xmlns="" id="{9981C190-4C82-F9D7-AC67-5C5D13AEAA78}"/>
              </a:ext>
            </a:extLst>
          </p:cNvPr>
          <p:cNvSpPr/>
          <p:nvPr/>
        </p:nvSpPr>
        <p:spPr>
          <a:xfrm>
            <a:off x="4789714" y="1502487"/>
            <a:ext cx="3935185" cy="1513633"/>
          </a:xfrm>
          <a:prstGeom prst="roundRect">
            <a:avLst/>
          </a:prstGeom>
          <a:solidFill>
            <a:srgbClr val="92D050"/>
          </a:solidFill>
          <a:ln>
            <a:solidFill>
              <a:srgbClr val="92D050"/>
            </a:solidFill>
          </a:ln>
        </p:spPr>
        <p:style>
          <a:lnRef idx="1">
            <a:schemeClr val="accent6"/>
          </a:lnRef>
          <a:fillRef idx="3">
            <a:schemeClr val="accent6"/>
          </a:fillRef>
          <a:effectRef idx="2">
            <a:schemeClr val="accent6"/>
          </a:effectRef>
          <a:fontRef idx="minor">
            <a:schemeClr val="lt1"/>
          </a:fontRef>
        </p:style>
        <p:txBody>
          <a:bodyPr bIns="108000" rtlCol="0" anchor="ctr"/>
          <a:lstStyle/>
          <a:p>
            <a:pPr algn="just">
              <a:lnSpc>
                <a:spcPct val="150000"/>
              </a:lnSpc>
            </a:pPr>
            <a:r>
              <a:rPr lang="vi-VN" sz="2200" dirty="0">
                <a:solidFill>
                  <a:schemeClr val="tx1"/>
                </a:solidFill>
                <a:cs typeface="Arial" panose="020B0604020202020204" pitchFamily="34" charset="0"/>
              </a:rPr>
              <a:t>C. Biện pháp tổ chức hoạt động giáo dục dựa trên cơ sở thực hiện hướng nghiệp.</a:t>
            </a:r>
          </a:p>
        </p:txBody>
      </p:sp>
      <p:pic>
        <p:nvPicPr>
          <p:cNvPr id="2" name="Graphic 1" descr="Briefcase">
            <a:hlinkClick r:id="rId4" action="ppaction://hlinksldjump"/>
            <a:extLst>
              <a:ext uri="{FF2B5EF4-FFF2-40B4-BE49-F238E27FC236}">
                <a16:creationId xmlns:a16="http://schemas.microsoft.com/office/drawing/2014/main" xmlns="" id="{FD6A8561-0A28-C7B0-BEBB-330194AB8109}"/>
              </a:ext>
            </a:extLst>
          </p:cNvPr>
          <p:cNvPicPr>
            <a:picLocks noChangeAspect="1"/>
          </p:cNvPicPr>
          <p:nvPr/>
        </p:nvPicPr>
        <p:blipFill>
          <a:blip r:embed="rId5">
            <a:extLst>
              <a:ext uri="{96DAC541-7B7A-43D3-8B79-37D633B846F1}">
                <asvg:svgBlip xmlns:asvg="http://schemas.microsoft.com/office/drawing/2016/SVG/main" xmlns="" r:embed="rId6"/>
              </a:ext>
            </a:extLst>
          </a:blip>
          <a:stretch>
            <a:fillRect/>
          </a:stretch>
        </p:blipFill>
        <p:spPr>
          <a:xfrm>
            <a:off x="8558784" y="4639647"/>
            <a:ext cx="457200" cy="457200"/>
          </a:xfrm>
          <a:prstGeom prst="rect">
            <a:avLst/>
          </a:prstGeom>
        </p:spPr>
      </p:pic>
    </p:spTree>
    <p:custDataLst>
      <p:tags r:id="rId1"/>
    </p:custDataLst>
    <p:extLst>
      <p:ext uri="{BB962C8B-B14F-4D97-AF65-F5344CB8AC3E}">
        <p14:creationId xmlns:p14="http://schemas.microsoft.com/office/powerpoint/2010/main" val="90897246"/>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randombar(horizontal)">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6" presetClass="entr" presetSubtype="21"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arn(inVertical)">
                                      <p:cBhvr>
                                        <p:cTn id="12" dur="500"/>
                                        <p:tgtEl>
                                          <p:spTgt spid="5"/>
                                        </p:tgtEl>
                                      </p:cBhvr>
                                    </p:animEffect>
                                  </p:childTnLst>
                                </p:cTn>
                              </p:par>
                              <p:par>
                                <p:cTn id="13" presetID="16" presetClass="entr" presetSubtype="21" fill="hold" grpId="0" nodeType="with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barn(inVertical)">
                                      <p:cBhvr>
                                        <p:cTn id="15" dur="500"/>
                                        <p:tgtEl>
                                          <p:spTgt spid="6"/>
                                        </p:tgtEl>
                                      </p:cBhvr>
                                    </p:animEffect>
                                  </p:childTnLst>
                                </p:cTn>
                              </p:par>
                              <p:par>
                                <p:cTn id="16" presetID="16" presetClass="entr" presetSubtype="21" fill="hold" grpId="0" nodeType="withEffect">
                                  <p:stCondLst>
                                    <p:cond delay="0"/>
                                  </p:stCondLst>
                                  <p:childTnLst>
                                    <p:set>
                                      <p:cBhvr>
                                        <p:cTn id="17" dur="1" fill="hold">
                                          <p:stCondLst>
                                            <p:cond delay="0"/>
                                          </p:stCondLst>
                                        </p:cTn>
                                        <p:tgtEl>
                                          <p:spTgt spid="9"/>
                                        </p:tgtEl>
                                        <p:attrNameLst>
                                          <p:attrName>style.visibility</p:attrName>
                                        </p:attrNameLst>
                                      </p:cBhvr>
                                      <p:to>
                                        <p:strVal val="visible"/>
                                      </p:to>
                                    </p:set>
                                    <p:animEffect transition="in" filter="barn(inVertical)">
                                      <p:cBhvr>
                                        <p:cTn id="18" dur="500"/>
                                        <p:tgtEl>
                                          <p:spTgt spid="9"/>
                                        </p:tgtEl>
                                      </p:cBhvr>
                                    </p:animEffect>
                                  </p:childTnLst>
                                </p:cTn>
                              </p:par>
                              <p:par>
                                <p:cTn id="19" presetID="16" presetClass="entr" presetSubtype="21" fill="hold" grpId="0" nodeType="withEffect">
                                  <p:stCondLst>
                                    <p:cond delay="0"/>
                                  </p:stCondLst>
                                  <p:childTnLst>
                                    <p:set>
                                      <p:cBhvr>
                                        <p:cTn id="20" dur="1" fill="hold">
                                          <p:stCondLst>
                                            <p:cond delay="0"/>
                                          </p:stCondLst>
                                        </p:cTn>
                                        <p:tgtEl>
                                          <p:spTgt spid="10"/>
                                        </p:tgtEl>
                                        <p:attrNameLst>
                                          <p:attrName>style.visibility</p:attrName>
                                        </p:attrNameLst>
                                      </p:cBhvr>
                                      <p:to>
                                        <p:strVal val="visible"/>
                                      </p:to>
                                    </p:set>
                                    <p:animEffect transition="in" filter="barn(inVertical)">
                                      <p:cBhvr>
                                        <p:cTn id="21" dur="500"/>
                                        <p:tgtEl>
                                          <p:spTgt spid="10"/>
                                        </p:tgtEl>
                                      </p:cBhvr>
                                    </p:animEffect>
                                  </p:childTnLst>
                                </p:cTn>
                              </p:par>
                            </p:childTnLst>
                          </p:cTn>
                        </p:par>
                      </p:childTnLst>
                    </p:cTn>
                  </p:par>
                  <p:par>
                    <p:cTn id="22" fill="hold">
                      <p:stCondLst>
                        <p:cond delay="indefinite"/>
                      </p:stCondLst>
                      <p:childTnLst>
                        <p:par>
                          <p:cTn id="23" fill="hold">
                            <p:stCondLst>
                              <p:cond delay="0"/>
                            </p:stCondLst>
                            <p:childTnLst>
                              <p:par>
                                <p:cTn id="24" presetID="3" presetClass="entr" presetSubtype="10" fill="hold" grpId="0" nodeType="clickEffect">
                                  <p:stCondLst>
                                    <p:cond delay="0"/>
                                  </p:stCondLst>
                                  <p:childTnLst>
                                    <p:set>
                                      <p:cBhvr>
                                        <p:cTn id="25" dur="1" fill="hold">
                                          <p:stCondLst>
                                            <p:cond delay="0"/>
                                          </p:stCondLst>
                                        </p:cTn>
                                        <p:tgtEl>
                                          <p:spTgt spid="12"/>
                                        </p:tgtEl>
                                        <p:attrNameLst>
                                          <p:attrName>style.visibility</p:attrName>
                                        </p:attrNameLst>
                                      </p:cBhvr>
                                      <p:to>
                                        <p:strVal val="visible"/>
                                      </p:to>
                                    </p:set>
                                    <p:animEffect transition="in" filter="blinds(horizontal)">
                                      <p:cBhvr>
                                        <p:cTn id="26"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animBg="1"/>
      <p:bldP spid="9" grpId="0" animBg="1"/>
      <p:bldP spid="10" grpId="0" animBg="1"/>
      <p:bldP spid="12"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400"/>
        <p:cNvGrpSpPr/>
        <p:nvPr/>
      </p:nvGrpSpPr>
      <p:grpSpPr>
        <a:xfrm>
          <a:off x="0" y="0"/>
          <a:ext cx="0" cy="0"/>
          <a:chOff x="0" y="0"/>
          <a:chExt cx="0" cy="0"/>
        </a:xfrm>
      </p:grpSpPr>
      <p:pic>
        <p:nvPicPr>
          <p:cNvPr id="403" name="Google Shape;403;p27"/>
          <p:cNvPicPr preferRelativeResize="0">
            <a:picLocks noGrp="1"/>
          </p:cNvPicPr>
          <p:nvPr>
            <p:ph type="pic" idx="2"/>
          </p:nvPr>
        </p:nvPicPr>
        <p:blipFill rotWithShape="1">
          <a:blip r:embed="rId4">
            <a:alphaModFix/>
          </a:blip>
          <a:srcRect r="51016"/>
          <a:stretch/>
        </p:blipFill>
        <p:spPr>
          <a:xfrm>
            <a:off x="5825685" y="539599"/>
            <a:ext cx="2787000" cy="4064401"/>
          </a:xfrm>
          <a:prstGeom prst="rect">
            <a:avLst/>
          </a:prstGeom>
        </p:spPr>
      </p:pic>
      <p:sp>
        <p:nvSpPr>
          <p:cNvPr id="3" name="Title 2">
            <a:extLst>
              <a:ext uri="{FF2B5EF4-FFF2-40B4-BE49-F238E27FC236}">
                <a16:creationId xmlns:a16="http://schemas.microsoft.com/office/drawing/2014/main" xmlns="" id="{B56FEDA6-7883-C330-F5DB-5722D0449ABA}"/>
              </a:ext>
            </a:extLst>
          </p:cNvPr>
          <p:cNvSpPr>
            <a:spLocks noGrp="1"/>
          </p:cNvSpPr>
          <p:nvPr>
            <p:ph type="title"/>
          </p:nvPr>
        </p:nvSpPr>
        <p:spPr>
          <a:xfrm>
            <a:off x="531315" y="1320799"/>
            <a:ext cx="5042172" cy="3283101"/>
          </a:xfrm>
        </p:spPr>
        <p:txBody>
          <a:bodyPr anchor="ctr"/>
          <a:lstStyle/>
          <a:p>
            <a:pPr>
              <a:lnSpc>
                <a:spcPct val="150000"/>
              </a:lnSpc>
            </a:pPr>
            <a:r>
              <a:rPr lang="vi-VN" sz="3600" b="1" dirty="0">
                <a:latin typeface="Arial" panose="020B0604020202020204" pitchFamily="34" charset="0"/>
                <a:cs typeface="Arial" panose="020B0604020202020204" pitchFamily="34" charset="0"/>
              </a:rPr>
              <a:t>GIÁO DỤC KĨ THUẬT CÔNG NGHỆ TRONG HỆ THỐNG GIÁO DỤC QUỐC DÂN</a:t>
            </a:r>
          </a:p>
        </p:txBody>
      </p:sp>
      <p:sp>
        <p:nvSpPr>
          <p:cNvPr id="6" name="Arrow: Pentagon 5">
            <a:extLst>
              <a:ext uri="{FF2B5EF4-FFF2-40B4-BE49-F238E27FC236}">
                <a16:creationId xmlns:a16="http://schemas.microsoft.com/office/drawing/2014/main" xmlns="" id="{9DF1298D-5126-53B3-3BAB-0D1C96DEBA99}"/>
              </a:ext>
            </a:extLst>
          </p:cNvPr>
          <p:cNvSpPr/>
          <p:nvPr/>
        </p:nvSpPr>
        <p:spPr>
          <a:xfrm>
            <a:off x="0" y="539599"/>
            <a:ext cx="2518229" cy="708630"/>
          </a:xfrm>
          <a:prstGeom prst="homePlate">
            <a:avLst/>
          </a:prstGeom>
          <a:solidFill>
            <a:schemeClr val="bg1"/>
          </a:solidFill>
          <a:ln>
            <a:solidFill>
              <a:schemeClr val="bg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vi-VN" sz="3600" b="1" dirty="0">
                <a:solidFill>
                  <a:schemeClr val="tx1"/>
                </a:solidFill>
                <a:latin typeface="Arial" panose="020B0604020202020204" pitchFamily="34" charset="0"/>
                <a:cs typeface="Arial" panose="020B0604020202020204" pitchFamily="34" charset="0"/>
              </a:rPr>
              <a:t>BÀI 2</a:t>
            </a:r>
          </a:p>
        </p:txBody>
      </p:sp>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wipe(left)">
                                      <p:cBhvr>
                                        <p:cTn id="7" dur="500"/>
                                        <p:tgtEl>
                                          <p:spTgt spid="6"/>
                                        </p:tgtEl>
                                      </p:cBhvr>
                                    </p:animEffect>
                                  </p:childTnLst>
                                </p:cTn>
                              </p:par>
                            </p:childTnLst>
                          </p:cTn>
                        </p:par>
                        <p:par>
                          <p:cTn id="8" fill="hold">
                            <p:stCondLst>
                              <p:cond delay="500"/>
                            </p:stCondLst>
                            <p:childTnLst>
                              <p:par>
                                <p:cTn id="9" presetID="47" presetClass="entr" presetSubtype="0" fill="hold" grpId="0" nodeType="afterEffect">
                                  <p:stCondLst>
                                    <p:cond delay="0"/>
                                  </p:stCondLst>
                                  <p:childTnLst>
                                    <p:set>
                                      <p:cBhvr>
                                        <p:cTn id="10" dur="1" fill="hold">
                                          <p:stCondLst>
                                            <p:cond delay="0"/>
                                          </p:stCondLst>
                                        </p:cTn>
                                        <p:tgtEl>
                                          <p:spTgt spid="3"/>
                                        </p:tgtEl>
                                        <p:attrNameLst>
                                          <p:attrName>style.visibility</p:attrName>
                                        </p:attrNameLst>
                                      </p:cBhvr>
                                      <p:to>
                                        <p:strVal val="visible"/>
                                      </p:to>
                                    </p:set>
                                    <p:animEffect transition="in" filter="fade">
                                      <p:cBhvr>
                                        <p:cTn id="11" dur="500"/>
                                        <p:tgtEl>
                                          <p:spTgt spid="3"/>
                                        </p:tgtEl>
                                      </p:cBhvr>
                                    </p:animEffect>
                                    <p:anim calcmode="lin" valueType="num">
                                      <p:cBhvr>
                                        <p:cTn id="12" dur="500" fill="hold"/>
                                        <p:tgtEl>
                                          <p:spTgt spid="3"/>
                                        </p:tgtEl>
                                        <p:attrNameLst>
                                          <p:attrName>ppt_x</p:attrName>
                                        </p:attrNameLst>
                                      </p:cBhvr>
                                      <p:tavLst>
                                        <p:tav tm="0">
                                          <p:val>
                                            <p:strVal val="#ppt_x"/>
                                          </p:val>
                                        </p:tav>
                                        <p:tav tm="100000">
                                          <p:val>
                                            <p:strVal val="#ppt_x"/>
                                          </p:val>
                                        </p:tav>
                                      </p:tavLst>
                                    </p:anim>
                                    <p:anim calcmode="lin" valueType="num">
                                      <p:cBhvr>
                                        <p:cTn id="13" dur="500" fill="hold"/>
                                        <p:tgtEl>
                                          <p:spTgt spid="3"/>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6"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1049"/>
        <p:cNvGrpSpPr/>
        <p:nvPr/>
      </p:nvGrpSpPr>
      <p:grpSpPr>
        <a:xfrm>
          <a:off x="0" y="0"/>
          <a:ext cx="0" cy="0"/>
          <a:chOff x="0" y="0"/>
          <a:chExt cx="0" cy="0"/>
        </a:xfrm>
      </p:grpSpPr>
      <p:sp>
        <p:nvSpPr>
          <p:cNvPr id="1050" name="Google Shape;1050;p39"/>
          <p:cNvSpPr txBox="1"/>
          <p:nvPr/>
        </p:nvSpPr>
        <p:spPr>
          <a:xfrm>
            <a:off x="399141" y="1265714"/>
            <a:ext cx="8345716" cy="3381828"/>
          </a:xfrm>
          <a:prstGeom prst="rect">
            <a:avLst/>
          </a:prstGeom>
          <a:solidFill>
            <a:schemeClr val="lt1"/>
          </a:solidFill>
          <a:ln>
            <a:noFill/>
          </a:ln>
        </p:spPr>
        <p:txBody>
          <a:bodyPr spcFirstLastPara="1" wrap="square" lIns="91425" tIns="91425" rIns="91425" bIns="91425" anchor="ctr" anchorCtr="0">
            <a:noAutofit/>
          </a:bodyPr>
          <a:lstStyle/>
          <a:p>
            <a:pPr lvl="0" algn="ctr">
              <a:lnSpc>
                <a:spcPct val="150000"/>
              </a:lnSpc>
            </a:pPr>
            <a:r>
              <a:rPr lang="vi-VN" sz="1800" b="1" dirty="0">
                <a:solidFill>
                  <a:srgbClr val="000000"/>
                </a:solidFill>
                <a:effectLst/>
                <a:latin typeface="Arial" panose="020B0604020202020204" pitchFamily="34" charset="0"/>
                <a:cs typeface="Arial" panose="020B0604020202020204" pitchFamily="34" charset="0"/>
              </a:rPr>
              <a:t>Cơ cấu hệ thống giáo dục Việt Nam bao gồm: </a:t>
            </a:r>
          </a:p>
          <a:p>
            <a:pPr marL="285750" lvl="0" indent="-285750" algn="just">
              <a:lnSpc>
                <a:spcPct val="150000"/>
              </a:lnSpc>
              <a:buFont typeface="Arial" panose="020B0604020202020204" pitchFamily="34" charset="0"/>
              <a:buChar char="•"/>
            </a:pPr>
            <a:r>
              <a:rPr lang="vi-VN" sz="1800" dirty="0">
                <a:solidFill>
                  <a:srgbClr val="000000"/>
                </a:solidFill>
                <a:effectLst/>
                <a:latin typeface="Arial" panose="020B0604020202020204" pitchFamily="34" charset="0"/>
                <a:cs typeface="Arial" panose="020B0604020202020204" pitchFamily="34" charset="0"/>
              </a:rPr>
              <a:t>Giáo dục mầm non (giáo dục nhà trẻ và giáo dục mẫu giáo)</a:t>
            </a:r>
          </a:p>
          <a:p>
            <a:pPr marL="285750" lvl="0" indent="-285750" algn="just">
              <a:lnSpc>
                <a:spcPct val="150000"/>
              </a:lnSpc>
              <a:buFont typeface="Arial" panose="020B0604020202020204" pitchFamily="34" charset="0"/>
              <a:buChar char="•"/>
            </a:pPr>
            <a:r>
              <a:rPr lang="vi-VN" sz="1800" dirty="0">
                <a:solidFill>
                  <a:srgbClr val="000000"/>
                </a:solidFill>
                <a:effectLst/>
                <a:latin typeface="Arial" panose="020B0604020202020204" pitchFamily="34" charset="0"/>
                <a:cs typeface="Arial" panose="020B0604020202020204" pitchFamily="34" charset="0"/>
              </a:rPr>
              <a:t>Giáo dục phổ thông (giáo dục tiểu học, giáo dục trung học cơ sở và giáo dục trung học phổ thông)</a:t>
            </a:r>
          </a:p>
          <a:p>
            <a:pPr marL="285750" lvl="0" indent="-285750" algn="just">
              <a:lnSpc>
                <a:spcPct val="150000"/>
              </a:lnSpc>
              <a:buFont typeface="Arial" panose="020B0604020202020204" pitchFamily="34" charset="0"/>
              <a:buChar char="•"/>
            </a:pPr>
            <a:r>
              <a:rPr lang="vi-VN" sz="1800" dirty="0">
                <a:solidFill>
                  <a:srgbClr val="000000"/>
                </a:solidFill>
                <a:effectLst/>
                <a:latin typeface="Arial" panose="020B0604020202020204" pitchFamily="34" charset="0"/>
                <a:cs typeface="Arial" panose="020B0604020202020204" pitchFamily="34" charset="0"/>
              </a:rPr>
              <a:t>Giáo dục nghề nghiệp đào tạo các trình độ trung cấp và cao đẳng</a:t>
            </a:r>
          </a:p>
          <a:p>
            <a:pPr marL="285750" lvl="0" indent="-285750" algn="just">
              <a:lnSpc>
                <a:spcPct val="150000"/>
              </a:lnSpc>
              <a:buFont typeface="Arial" panose="020B0604020202020204" pitchFamily="34" charset="0"/>
              <a:buChar char="•"/>
            </a:pPr>
            <a:r>
              <a:rPr lang="vi-VN" sz="1800" dirty="0">
                <a:solidFill>
                  <a:srgbClr val="000000"/>
                </a:solidFill>
                <a:effectLst/>
                <a:latin typeface="Arial" panose="020B0604020202020204" pitchFamily="34" charset="0"/>
                <a:cs typeface="Arial" panose="020B0604020202020204" pitchFamily="34" charset="0"/>
              </a:rPr>
              <a:t>Giáo dục đại học đào tạo các trình độ đại học, thạc sĩ và tiến sĩ</a:t>
            </a:r>
          </a:p>
          <a:p>
            <a:pPr marL="285750" lvl="0" indent="-285750" algn="just">
              <a:lnSpc>
                <a:spcPct val="150000"/>
              </a:lnSpc>
              <a:buFont typeface="Arial" panose="020B0604020202020204" pitchFamily="34" charset="0"/>
              <a:buChar char="•"/>
            </a:pPr>
            <a:r>
              <a:rPr lang="vi-VN" sz="1800" dirty="0">
                <a:solidFill>
                  <a:srgbClr val="000000"/>
                </a:solidFill>
                <a:effectLst/>
                <a:latin typeface="Arial" panose="020B0604020202020204" pitchFamily="34" charset="0"/>
                <a:cs typeface="Arial" panose="020B0604020202020204" pitchFamily="34" charset="0"/>
              </a:rPr>
              <a:t>Giáo dục thường xuyên.</a:t>
            </a:r>
            <a:endParaRPr lang="vi-VN" sz="1800" dirty="0">
              <a:effectLst/>
              <a:latin typeface="Arial" panose="020B0604020202020204" pitchFamily="34" charset="0"/>
              <a:cs typeface="Arial" panose="020B0604020202020204" pitchFamily="34" charset="0"/>
            </a:endParaRPr>
          </a:p>
        </p:txBody>
      </p:sp>
      <p:sp>
        <p:nvSpPr>
          <p:cNvPr id="1062" name="Google Shape;1062;p39"/>
          <p:cNvSpPr txBox="1">
            <a:spLocks noGrp="1"/>
          </p:cNvSpPr>
          <p:nvPr>
            <p:ph type="title"/>
          </p:nvPr>
        </p:nvSpPr>
        <p:spPr>
          <a:xfrm>
            <a:off x="719999" y="423386"/>
            <a:ext cx="7704000" cy="646500"/>
          </a:xfrm>
          <a:prstGeom prst="rect">
            <a:avLst/>
          </a:prstGeom>
        </p:spPr>
        <p:txBody>
          <a:bodyPr spcFirstLastPara="1" wrap="square" lIns="91425" tIns="91425" rIns="91425" bIns="91425" anchor="t" anchorCtr="0">
            <a:noAutofit/>
          </a:bodyPr>
          <a:lstStyle/>
          <a:p>
            <a:pPr marL="0" lvl="0" indent="0" algn="ctr" rtl="0">
              <a:spcBef>
                <a:spcPts val="0"/>
              </a:spcBef>
              <a:spcAft>
                <a:spcPts val="0"/>
              </a:spcAft>
              <a:buNone/>
            </a:pPr>
            <a:r>
              <a:rPr lang="vi-VN" b="1" dirty="0">
                <a:latin typeface="Arial" panose="020B0604020202020204" pitchFamily="34" charset="0"/>
                <a:cs typeface="Arial" panose="020B0604020202020204" pitchFamily="34" charset="0"/>
              </a:rPr>
              <a:t>TỔNG KẾT BÀI HỌC</a:t>
            </a:r>
            <a:endParaRPr b="1" dirty="0">
              <a:latin typeface="Arial" panose="020B0604020202020204" pitchFamily="34" charset="0"/>
              <a:cs typeface="Arial" panose="020B0604020202020204" pitchFamily="34" charset="0"/>
            </a:endParaRPr>
          </a:p>
        </p:txBody>
      </p:sp>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1050">
                                            <p:bg/>
                                          </p:spTgt>
                                        </p:tgtEl>
                                        <p:attrNameLst>
                                          <p:attrName>style.visibility</p:attrName>
                                        </p:attrNameLst>
                                      </p:cBhvr>
                                      <p:to>
                                        <p:strVal val="visible"/>
                                      </p:to>
                                    </p:set>
                                    <p:animEffect transition="in" filter="wipe(up)">
                                      <p:cBhvr>
                                        <p:cTn id="7" dur="500"/>
                                        <p:tgtEl>
                                          <p:spTgt spid="1050">
                                            <p:bg/>
                                          </p:spTgt>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grpId="0" nodeType="clickEffect">
                                  <p:stCondLst>
                                    <p:cond delay="0"/>
                                  </p:stCondLst>
                                  <p:childTnLst>
                                    <p:set>
                                      <p:cBhvr>
                                        <p:cTn id="11" dur="1" fill="hold">
                                          <p:stCondLst>
                                            <p:cond delay="0"/>
                                          </p:stCondLst>
                                        </p:cTn>
                                        <p:tgtEl>
                                          <p:spTgt spid="1050">
                                            <p:txEl>
                                              <p:pRg st="0" end="0"/>
                                            </p:txEl>
                                          </p:spTgt>
                                        </p:tgtEl>
                                        <p:attrNameLst>
                                          <p:attrName>style.visibility</p:attrName>
                                        </p:attrNameLst>
                                      </p:cBhvr>
                                      <p:to>
                                        <p:strVal val="visible"/>
                                      </p:to>
                                    </p:set>
                                    <p:animEffect transition="in" filter="wipe(up)">
                                      <p:cBhvr>
                                        <p:cTn id="12" dur="500"/>
                                        <p:tgtEl>
                                          <p:spTgt spid="1050">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1" fill="hold" grpId="0" nodeType="clickEffect">
                                  <p:stCondLst>
                                    <p:cond delay="0"/>
                                  </p:stCondLst>
                                  <p:childTnLst>
                                    <p:set>
                                      <p:cBhvr>
                                        <p:cTn id="16" dur="1" fill="hold">
                                          <p:stCondLst>
                                            <p:cond delay="0"/>
                                          </p:stCondLst>
                                        </p:cTn>
                                        <p:tgtEl>
                                          <p:spTgt spid="1050">
                                            <p:txEl>
                                              <p:pRg st="1" end="1"/>
                                            </p:txEl>
                                          </p:spTgt>
                                        </p:tgtEl>
                                        <p:attrNameLst>
                                          <p:attrName>style.visibility</p:attrName>
                                        </p:attrNameLst>
                                      </p:cBhvr>
                                      <p:to>
                                        <p:strVal val="visible"/>
                                      </p:to>
                                    </p:set>
                                    <p:animEffect transition="in" filter="wipe(up)">
                                      <p:cBhvr>
                                        <p:cTn id="17" dur="500"/>
                                        <p:tgtEl>
                                          <p:spTgt spid="1050">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1" fill="hold" grpId="0" nodeType="clickEffect">
                                  <p:stCondLst>
                                    <p:cond delay="0"/>
                                  </p:stCondLst>
                                  <p:childTnLst>
                                    <p:set>
                                      <p:cBhvr>
                                        <p:cTn id="21" dur="1" fill="hold">
                                          <p:stCondLst>
                                            <p:cond delay="0"/>
                                          </p:stCondLst>
                                        </p:cTn>
                                        <p:tgtEl>
                                          <p:spTgt spid="1050">
                                            <p:txEl>
                                              <p:pRg st="2" end="2"/>
                                            </p:txEl>
                                          </p:spTgt>
                                        </p:tgtEl>
                                        <p:attrNameLst>
                                          <p:attrName>style.visibility</p:attrName>
                                        </p:attrNameLst>
                                      </p:cBhvr>
                                      <p:to>
                                        <p:strVal val="visible"/>
                                      </p:to>
                                    </p:set>
                                    <p:animEffect transition="in" filter="wipe(up)">
                                      <p:cBhvr>
                                        <p:cTn id="22" dur="500"/>
                                        <p:tgtEl>
                                          <p:spTgt spid="1050">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1" fill="hold" grpId="0" nodeType="clickEffect">
                                  <p:stCondLst>
                                    <p:cond delay="0"/>
                                  </p:stCondLst>
                                  <p:childTnLst>
                                    <p:set>
                                      <p:cBhvr>
                                        <p:cTn id="26" dur="1" fill="hold">
                                          <p:stCondLst>
                                            <p:cond delay="0"/>
                                          </p:stCondLst>
                                        </p:cTn>
                                        <p:tgtEl>
                                          <p:spTgt spid="1050">
                                            <p:txEl>
                                              <p:pRg st="3" end="3"/>
                                            </p:txEl>
                                          </p:spTgt>
                                        </p:tgtEl>
                                        <p:attrNameLst>
                                          <p:attrName>style.visibility</p:attrName>
                                        </p:attrNameLst>
                                      </p:cBhvr>
                                      <p:to>
                                        <p:strVal val="visible"/>
                                      </p:to>
                                    </p:set>
                                    <p:animEffect transition="in" filter="wipe(up)">
                                      <p:cBhvr>
                                        <p:cTn id="27" dur="500"/>
                                        <p:tgtEl>
                                          <p:spTgt spid="1050">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1" fill="hold" grpId="0" nodeType="clickEffect">
                                  <p:stCondLst>
                                    <p:cond delay="0"/>
                                  </p:stCondLst>
                                  <p:childTnLst>
                                    <p:set>
                                      <p:cBhvr>
                                        <p:cTn id="31" dur="1" fill="hold">
                                          <p:stCondLst>
                                            <p:cond delay="0"/>
                                          </p:stCondLst>
                                        </p:cTn>
                                        <p:tgtEl>
                                          <p:spTgt spid="1050">
                                            <p:txEl>
                                              <p:pRg st="4" end="4"/>
                                            </p:txEl>
                                          </p:spTgt>
                                        </p:tgtEl>
                                        <p:attrNameLst>
                                          <p:attrName>style.visibility</p:attrName>
                                        </p:attrNameLst>
                                      </p:cBhvr>
                                      <p:to>
                                        <p:strVal val="visible"/>
                                      </p:to>
                                    </p:set>
                                    <p:animEffect transition="in" filter="wipe(up)">
                                      <p:cBhvr>
                                        <p:cTn id="32" dur="500"/>
                                        <p:tgtEl>
                                          <p:spTgt spid="1050">
                                            <p:txEl>
                                              <p:pRg st="4" end="4"/>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22" presetClass="entr" presetSubtype="1" fill="hold" grpId="0" nodeType="clickEffect">
                                  <p:stCondLst>
                                    <p:cond delay="0"/>
                                  </p:stCondLst>
                                  <p:childTnLst>
                                    <p:set>
                                      <p:cBhvr>
                                        <p:cTn id="36" dur="1" fill="hold">
                                          <p:stCondLst>
                                            <p:cond delay="0"/>
                                          </p:stCondLst>
                                        </p:cTn>
                                        <p:tgtEl>
                                          <p:spTgt spid="1050">
                                            <p:txEl>
                                              <p:pRg st="5" end="5"/>
                                            </p:txEl>
                                          </p:spTgt>
                                        </p:tgtEl>
                                        <p:attrNameLst>
                                          <p:attrName>style.visibility</p:attrName>
                                        </p:attrNameLst>
                                      </p:cBhvr>
                                      <p:to>
                                        <p:strVal val="visible"/>
                                      </p:to>
                                    </p:set>
                                    <p:animEffect transition="in" filter="wipe(up)">
                                      <p:cBhvr>
                                        <p:cTn id="37" dur="500"/>
                                        <p:tgtEl>
                                          <p:spTgt spid="1050">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50" grpId="0" build="p"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1049"/>
        <p:cNvGrpSpPr/>
        <p:nvPr/>
      </p:nvGrpSpPr>
      <p:grpSpPr>
        <a:xfrm>
          <a:off x="0" y="0"/>
          <a:ext cx="0" cy="0"/>
          <a:chOff x="0" y="0"/>
          <a:chExt cx="0" cy="0"/>
        </a:xfrm>
      </p:grpSpPr>
      <p:sp>
        <p:nvSpPr>
          <p:cNvPr id="1050" name="Google Shape;1050;p39"/>
          <p:cNvSpPr txBox="1"/>
          <p:nvPr/>
        </p:nvSpPr>
        <p:spPr>
          <a:xfrm>
            <a:off x="399141" y="436700"/>
            <a:ext cx="8345716" cy="1747700"/>
          </a:xfrm>
          <a:prstGeom prst="rect">
            <a:avLst/>
          </a:prstGeom>
          <a:solidFill>
            <a:schemeClr val="lt1"/>
          </a:solidFill>
          <a:ln>
            <a:noFill/>
          </a:ln>
        </p:spPr>
        <p:txBody>
          <a:bodyPr spcFirstLastPara="1" wrap="square" lIns="91425" tIns="91425" rIns="91425" bIns="91425" anchor="ctr" anchorCtr="0">
            <a:noAutofit/>
          </a:bodyPr>
          <a:lstStyle/>
          <a:p>
            <a:pPr lvl="0" algn="just">
              <a:lnSpc>
                <a:spcPct val="150000"/>
              </a:lnSpc>
            </a:pPr>
            <a:r>
              <a:rPr lang="vi-VN" sz="2000" dirty="0">
                <a:solidFill>
                  <a:srgbClr val="000000"/>
                </a:solidFill>
                <a:effectLst/>
                <a:latin typeface="Arial" panose="020B0604020202020204" pitchFamily="34" charset="0"/>
                <a:cs typeface="Arial" panose="020B0604020202020204" pitchFamily="34" charset="0"/>
              </a:rPr>
              <a:t>Hệ thống giáo dục tạo cơ hội cho người học trong việc lựa chọn nghề nghiệp thuộc lĩnh vực kĩ thuật công nghệ ở cả 2 thời điểm phân luồng: sau khi tốt nghiệp THCS, sau khi tốt nghiệp THPT.</a:t>
            </a:r>
            <a:endParaRPr lang="vi-VN" sz="2000" dirty="0">
              <a:effectLst/>
              <a:latin typeface="Arial" panose="020B0604020202020204" pitchFamily="34" charset="0"/>
              <a:cs typeface="Arial" panose="020B0604020202020204" pitchFamily="34" charset="0"/>
            </a:endParaRPr>
          </a:p>
        </p:txBody>
      </p:sp>
      <p:sp>
        <p:nvSpPr>
          <p:cNvPr id="2" name="Google Shape;1050;p39">
            <a:extLst>
              <a:ext uri="{FF2B5EF4-FFF2-40B4-BE49-F238E27FC236}">
                <a16:creationId xmlns:a16="http://schemas.microsoft.com/office/drawing/2014/main" xmlns="" id="{ABDE2CFD-1A92-4A99-C8B5-2D4BE5671A78}"/>
              </a:ext>
            </a:extLst>
          </p:cNvPr>
          <p:cNvSpPr txBox="1"/>
          <p:nvPr/>
        </p:nvSpPr>
        <p:spPr>
          <a:xfrm>
            <a:off x="399141" y="2438401"/>
            <a:ext cx="8345716" cy="2268400"/>
          </a:xfrm>
          <a:prstGeom prst="rect">
            <a:avLst/>
          </a:prstGeom>
          <a:solidFill>
            <a:schemeClr val="lt1"/>
          </a:solidFill>
          <a:ln>
            <a:noFill/>
          </a:ln>
        </p:spPr>
        <p:txBody>
          <a:bodyPr spcFirstLastPara="1" wrap="square" lIns="91425" tIns="91425" rIns="91425" bIns="91425" anchor="ctr" anchorCtr="0">
            <a:noAutofit/>
          </a:bodyPr>
          <a:lstStyle/>
          <a:p>
            <a:pPr lvl="0" algn="just">
              <a:lnSpc>
                <a:spcPct val="150000"/>
              </a:lnSpc>
            </a:pPr>
            <a:r>
              <a:rPr lang="vi-VN" sz="2000" dirty="0">
                <a:solidFill>
                  <a:srgbClr val="000000"/>
                </a:solidFill>
                <a:effectLst/>
                <a:latin typeface="Arial" panose="020B0604020202020204" pitchFamily="34" charset="0"/>
                <a:cs typeface="Arial" panose="020B0604020202020204" pitchFamily="34" charset="0"/>
              </a:rPr>
              <a:t>Sau khi tốt nghiệp trung học cơ sở có những hướng đi liên quan tới nghề nghiệp trong lĩnh vực kĩ thuật, công nghệ là: học tiếp trung học phổ thông; học chương trình đào tạo trình độ trung cấp hoặc tham gia lao động sản xuất ở các ngành nghề trong lĩnh </a:t>
            </a:r>
            <a:r>
              <a:rPr lang="vi-VN" sz="2000" dirty="0">
                <a:effectLst/>
                <a:latin typeface="Arial" panose="020B0604020202020204" pitchFamily="34" charset="0"/>
                <a:cs typeface="Arial" panose="020B0604020202020204" pitchFamily="34" charset="0"/>
              </a:rPr>
              <a:t>vực</a:t>
            </a:r>
            <a:r>
              <a:rPr lang="vi-VN" sz="2000" dirty="0">
                <a:solidFill>
                  <a:srgbClr val="000000"/>
                </a:solidFill>
                <a:effectLst/>
                <a:latin typeface="Arial" panose="020B0604020202020204" pitchFamily="34" charset="0"/>
                <a:cs typeface="Arial" panose="020B0604020202020204" pitchFamily="34" charset="0"/>
              </a:rPr>
              <a:t> kĩ thuật, công nghệ.</a:t>
            </a:r>
            <a:endParaRPr lang="vi-VN" sz="2000" dirty="0">
              <a:effectLst/>
              <a:latin typeface="Arial" panose="020B0604020202020204" pitchFamily="34" charset="0"/>
              <a:cs typeface="Arial" panose="020B0604020202020204" pitchFamily="34" charset="0"/>
            </a:endParaRPr>
          </a:p>
        </p:txBody>
      </p:sp>
    </p:spTree>
    <p:custDataLst>
      <p:tags r:id="rId1"/>
    </p:custDataLst>
    <p:extLst>
      <p:ext uri="{BB962C8B-B14F-4D97-AF65-F5344CB8AC3E}">
        <p14:creationId xmlns:p14="http://schemas.microsoft.com/office/powerpoint/2010/main" val="3638105279"/>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1050"/>
                                        </p:tgtEl>
                                        <p:attrNameLst>
                                          <p:attrName>style.visibility</p:attrName>
                                        </p:attrNameLst>
                                      </p:cBhvr>
                                      <p:to>
                                        <p:strVal val="visible"/>
                                      </p:to>
                                    </p:set>
                                    <p:animEffect transition="in" filter="wipe(up)">
                                      <p:cBhvr>
                                        <p:cTn id="7" dur="500"/>
                                        <p:tgtEl>
                                          <p:spTgt spid="1050"/>
                                        </p:tgtEl>
                                      </p:cBhvr>
                                    </p:animEffect>
                                  </p:childTnLst>
                                </p:cTn>
                              </p:par>
                              <p:par>
                                <p:cTn id="8" presetID="22" presetClass="entr" presetSubtype="1" fill="hold" grpId="0" nodeType="withEffect">
                                  <p:stCondLst>
                                    <p:cond delay="0"/>
                                  </p:stCondLst>
                                  <p:childTnLst>
                                    <p:set>
                                      <p:cBhvr>
                                        <p:cTn id="9" dur="1" fill="hold">
                                          <p:stCondLst>
                                            <p:cond delay="0"/>
                                          </p:stCondLst>
                                        </p:cTn>
                                        <p:tgtEl>
                                          <p:spTgt spid="2"/>
                                        </p:tgtEl>
                                        <p:attrNameLst>
                                          <p:attrName>style.visibility</p:attrName>
                                        </p:attrNameLst>
                                      </p:cBhvr>
                                      <p:to>
                                        <p:strVal val="visible"/>
                                      </p:to>
                                    </p:set>
                                    <p:animEffect transition="in" filter="wipe(up)">
                                      <p:cBhvr>
                                        <p:cTn id="10"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50" grpId="0" animBg="1"/>
      <p:bldP spid="2" grpId="0" animBg="1"/>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968"/>
        <p:cNvGrpSpPr/>
        <p:nvPr/>
      </p:nvGrpSpPr>
      <p:grpSpPr>
        <a:xfrm>
          <a:off x="0" y="0"/>
          <a:ext cx="0" cy="0"/>
          <a:chOff x="0" y="0"/>
          <a:chExt cx="0" cy="0"/>
        </a:xfrm>
      </p:grpSpPr>
      <p:grpSp>
        <p:nvGrpSpPr>
          <p:cNvPr id="1014" name="Google Shape;1014;p37"/>
          <p:cNvGrpSpPr/>
          <p:nvPr/>
        </p:nvGrpSpPr>
        <p:grpSpPr>
          <a:xfrm>
            <a:off x="721218" y="1575891"/>
            <a:ext cx="1425958" cy="2894447"/>
            <a:chOff x="5186401" y="494525"/>
            <a:chExt cx="1834973" cy="3724678"/>
          </a:xfrm>
        </p:grpSpPr>
        <p:sp>
          <p:nvSpPr>
            <p:cNvPr id="1015" name="Google Shape;1015;p37"/>
            <p:cNvSpPr/>
            <p:nvPr/>
          </p:nvSpPr>
          <p:spPr>
            <a:xfrm>
              <a:off x="5186401" y="494525"/>
              <a:ext cx="1834973" cy="3724678"/>
            </a:xfrm>
            <a:custGeom>
              <a:avLst/>
              <a:gdLst/>
              <a:ahLst/>
              <a:cxnLst/>
              <a:rect l="l" t="t" r="r" b="b"/>
              <a:pathLst>
                <a:path w="93205" h="189190" extrusionOk="0">
                  <a:moveTo>
                    <a:pt x="2870" y="0"/>
                  </a:moveTo>
                  <a:cubicBezTo>
                    <a:pt x="1280" y="0"/>
                    <a:pt x="0" y="1280"/>
                    <a:pt x="0" y="2914"/>
                  </a:cubicBezTo>
                  <a:lnTo>
                    <a:pt x="0" y="186320"/>
                  </a:lnTo>
                  <a:cubicBezTo>
                    <a:pt x="0" y="187909"/>
                    <a:pt x="1280" y="189190"/>
                    <a:pt x="2870" y="189190"/>
                  </a:cubicBezTo>
                  <a:lnTo>
                    <a:pt x="90334" y="189190"/>
                  </a:lnTo>
                  <a:cubicBezTo>
                    <a:pt x="91924" y="189190"/>
                    <a:pt x="93204" y="187909"/>
                    <a:pt x="93204" y="186320"/>
                  </a:cubicBezTo>
                  <a:lnTo>
                    <a:pt x="93204" y="2914"/>
                  </a:lnTo>
                  <a:cubicBezTo>
                    <a:pt x="93204" y="1280"/>
                    <a:pt x="91924" y="0"/>
                    <a:pt x="90334"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ea typeface="Montserrat Medium"/>
                <a:cs typeface="Arial" panose="020B0604020202020204" pitchFamily="34" charset="0"/>
                <a:sym typeface="Montserrat Medium"/>
              </a:endParaRPr>
            </a:p>
          </p:txBody>
        </p:sp>
        <p:sp>
          <p:nvSpPr>
            <p:cNvPr id="1016" name="Google Shape;1016;p37"/>
            <p:cNvSpPr/>
            <p:nvPr/>
          </p:nvSpPr>
          <p:spPr>
            <a:xfrm>
              <a:off x="5890455" y="3969678"/>
              <a:ext cx="458108" cy="154724"/>
            </a:xfrm>
            <a:custGeom>
              <a:avLst/>
              <a:gdLst/>
              <a:ahLst/>
              <a:cxnLst/>
              <a:rect l="l" t="t" r="r" b="b"/>
              <a:pathLst>
                <a:path w="23269" h="7859" extrusionOk="0">
                  <a:moveTo>
                    <a:pt x="796" y="0"/>
                  </a:moveTo>
                  <a:cubicBezTo>
                    <a:pt x="354" y="0"/>
                    <a:pt x="1" y="353"/>
                    <a:pt x="1" y="751"/>
                  </a:cubicBezTo>
                  <a:lnTo>
                    <a:pt x="1" y="7064"/>
                  </a:lnTo>
                  <a:cubicBezTo>
                    <a:pt x="1" y="7506"/>
                    <a:pt x="354" y="7859"/>
                    <a:pt x="796" y="7859"/>
                  </a:cubicBezTo>
                  <a:lnTo>
                    <a:pt x="22474" y="7859"/>
                  </a:lnTo>
                  <a:cubicBezTo>
                    <a:pt x="22916" y="7859"/>
                    <a:pt x="23269" y="7506"/>
                    <a:pt x="23269" y="7064"/>
                  </a:cubicBezTo>
                  <a:lnTo>
                    <a:pt x="23269" y="751"/>
                  </a:lnTo>
                  <a:cubicBezTo>
                    <a:pt x="23269" y="353"/>
                    <a:pt x="22916" y="0"/>
                    <a:pt x="22474" y="0"/>
                  </a:cubicBezTo>
                  <a:close/>
                </a:path>
              </a:pathLst>
            </a:custGeom>
            <a:solidFill>
              <a:schemeClr val="l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ea typeface="Montserrat Medium"/>
                <a:cs typeface="Arial" panose="020B0604020202020204" pitchFamily="34" charset="0"/>
                <a:sym typeface="Montserrat Medium"/>
              </a:endParaRPr>
            </a:p>
          </p:txBody>
        </p:sp>
      </p:grpSp>
      <p:pic>
        <p:nvPicPr>
          <p:cNvPr id="1017" name="Google Shape;1017;p37"/>
          <p:cNvPicPr preferRelativeResize="0"/>
          <p:nvPr/>
        </p:nvPicPr>
        <p:blipFill rotWithShape="1">
          <a:blip r:embed="rId4">
            <a:alphaModFix/>
          </a:blip>
          <a:srcRect l="13091" r="49472"/>
          <a:stretch/>
        </p:blipFill>
        <p:spPr>
          <a:xfrm>
            <a:off x="787013" y="1717700"/>
            <a:ext cx="1293430" cy="2468070"/>
          </a:xfrm>
          <a:prstGeom prst="rect">
            <a:avLst/>
          </a:prstGeom>
          <a:noFill/>
          <a:ln>
            <a:noFill/>
          </a:ln>
        </p:spPr>
      </p:pic>
      <p:sp>
        <p:nvSpPr>
          <p:cNvPr id="3" name="Title 2">
            <a:extLst>
              <a:ext uri="{FF2B5EF4-FFF2-40B4-BE49-F238E27FC236}">
                <a16:creationId xmlns:a16="http://schemas.microsoft.com/office/drawing/2014/main" xmlns="" id="{AD2E0576-A7D1-CA7D-2D77-940F742AD93C}"/>
              </a:ext>
            </a:extLst>
          </p:cNvPr>
          <p:cNvSpPr>
            <a:spLocks noGrp="1"/>
          </p:cNvSpPr>
          <p:nvPr>
            <p:ph type="title"/>
          </p:nvPr>
        </p:nvSpPr>
        <p:spPr/>
        <p:txBody>
          <a:bodyPr anchor="ctr"/>
          <a:lstStyle/>
          <a:p>
            <a:r>
              <a:rPr lang="vi-VN" sz="3200" b="1" dirty="0">
                <a:solidFill>
                  <a:schemeClr val="bg1">
                    <a:lumMod val="50000"/>
                  </a:schemeClr>
                </a:solidFill>
                <a:latin typeface="Arial" panose="020B0604020202020204" pitchFamily="34" charset="0"/>
                <a:cs typeface="Arial" panose="020B0604020202020204" pitchFamily="34" charset="0"/>
              </a:rPr>
              <a:t>HƯỚNG DẪN VỀ NHÀ</a:t>
            </a:r>
          </a:p>
        </p:txBody>
      </p:sp>
      <p:sp>
        <p:nvSpPr>
          <p:cNvPr id="4" name="Rectangle: Diagonal Corners Rounded 3">
            <a:extLst>
              <a:ext uri="{FF2B5EF4-FFF2-40B4-BE49-F238E27FC236}">
                <a16:creationId xmlns:a16="http://schemas.microsoft.com/office/drawing/2014/main" xmlns="" id="{F7DE6D48-4543-0695-1AF5-F09B9E41D6A3}"/>
              </a:ext>
            </a:extLst>
          </p:cNvPr>
          <p:cNvSpPr/>
          <p:nvPr/>
        </p:nvSpPr>
        <p:spPr>
          <a:xfrm>
            <a:off x="2501376" y="1575891"/>
            <a:ext cx="3500281" cy="2894446"/>
          </a:xfrm>
          <a:prstGeom prst="round2DiagRect">
            <a:avLst>
              <a:gd name="adj1" fmla="val 0"/>
              <a:gd name="adj2" fmla="val 13293"/>
            </a:avLst>
          </a:prstGeom>
          <a:solidFill>
            <a:schemeClr val="accent6"/>
          </a:solidFill>
        </p:spPr>
        <p:style>
          <a:lnRef idx="2">
            <a:schemeClr val="accent1"/>
          </a:lnRef>
          <a:fillRef idx="1">
            <a:schemeClr val="lt1"/>
          </a:fillRef>
          <a:effectRef idx="0">
            <a:schemeClr val="accent1"/>
          </a:effectRef>
          <a:fontRef idx="minor">
            <a:schemeClr val="dk1"/>
          </a:fontRef>
        </p:style>
        <p:txBody>
          <a:bodyPr bIns="108000" rtlCol="0" anchor="ctr"/>
          <a:lstStyle/>
          <a:p>
            <a:pPr algn="just">
              <a:lnSpc>
                <a:spcPct val="150000"/>
              </a:lnSpc>
            </a:pPr>
            <a:r>
              <a:rPr lang="vi-VN" sz="2000" dirty="0"/>
              <a:t>- Ôn lại kiến thức đã học.</a:t>
            </a:r>
          </a:p>
          <a:p>
            <a:pPr algn="just">
              <a:lnSpc>
                <a:spcPct val="150000"/>
              </a:lnSpc>
            </a:pPr>
            <a:r>
              <a:rPr lang="vi-VN" sz="2000" dirty="0"/>
              <a:t>- Đọc và tìm hiểu trước nội dung kiến thức </a:t>
            </a:r>
            <a:r>
              <a:rPr lang="vi-VN" sz="2000" i="1" dirty="0"/>
              <a:t>Bài 3 –  Thị trường lao động kĩ thuật, công nghệ tại Việt Nam. </a:t>
            </a:r>
            <a:endParaRPr lang="vi-VN" sz="2000" dirty="0"/>
          </a:p>
        </p:txBody>
      </p:sp>
      <p:sp>
        <p:nvSpPr>
          <p:cNvPr id="5" name="Freeform 62">
            <a:extLst>
              <a:ext uri="{FF2B5EF4-FFF2-40B4-BE49-F238E27FC236}">
                <a16:creationId xmlns:a16="http://schemas.microsoft.com/office/drawing/2014/main" xmlns="" id="{15CB4A53-0E45-9A62-60F1-6B4CD08F8220}"/>
              </a:ext>
            </a:extLst>
          </p:cNvPr>
          <p:cNvSpPr/>
          <p:nvPr/>
        </p:nvSpPr>
        <p:spPr>
          <a:xfrm>
            <a:off x="6220638" y="1951012"/>
            <a:ext cx="2448053" cy="3031644"/>
          </a:xfrm>
          <a:custGeom>
            <a:avLst/>
            <a:gdLst/>
            <a:ahLst/>
            <a:cxnLst/>
            <a:rect l="l" t="t" r="r" b="b"/>
            <a:pathLst>
              <a:path w="1065165" h="1319090">
                <a:moveTo>
                  <a:pt x="0" y="0"/>
                </a:moveTo>
                <a:lnTo>
                  <a:pt x="1065165" y="0"/>
                </a:lnTo>
                <a:lnTo>
                  <a:pt x="1065165" y="1319090"/>
                </a:lnTo>
                <a:lnTo>
                  <a:pt x="0" y="1319090"/>
                </a:lnTo>
                <a:lnTo>
                  <a:pt x="0" y="0"/>
                </a:lnTo>
                <a:close/>
              </a:path>
            </a:pathLst>
          </a:custGeom>
          <a:blipFill>
            <a:blip r:embed="rId5"/>
            <a:stretch>
              <a:fillRect/>
            </a:stretch>
          </a:blipFill>
        </p:spPr>
      </p:sp>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linds(horizontal)">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182"/>
        <p:cNvGrpSpPr/>
        <p:nvPr/>
      </p:nvGrpSpPr>
      <p:grpSpPr>
        <a:xfrm>
          <a:off x="0" y="0"/>
          <a:ext cx="0" cy="0"/>
          <a:chOff x="0" y="0"/>
          <a:chExt cx="0" cy="0"/>
        </a:xfrm>
      </p:grpSpPr>
      <p:grpSp>
        <p:nvGrpSpPr>
          <p:cNvPr id="183" name="Google Shape;183;p24"/>
          <p:cNvGrpSpPr/>
          <p:nvPr/>
        </p:nvGrpSpPr>
        <p:grpSpPr>
          <a:xfrm>
            <a:off x="125995" y="539451"/>
            <a:ext cx="5432759" cy="4478015"/>
            <a:chOff x="125995" y="539451"/>
            <a:chExt cx="5432759" cy="4478015"/>
          </a:xfrm>
        </p:grpSpPr>
        <p:sp>
          <p:nvSpPr>
            <p:cNvPr id="184" name="Google Shape;184;p24"/>
            <p:cNvSpPr/>
            <p:nvPr/>
          </p:nvSpPr>
          <p:spPr>
            <a:xfrm>
              <a:off x="126002" y="1252657"/>
              <a:ext cx="4221028" cy="3764809"/>
            </a:xfrm>
            <a:custGeom>
              <a:avLst/>
              <a:gdLst/>
              <a:ahLst/>
              <a:cxnLst/>
              <a:rect l="l" t="t" r="r" b="b"/>
              <a:pathLst>
                <a:path w="76678" h="64849" extrusionOk="0">
                  <a:moveTo>
                    <a:pt x="53071" y="4482"/>
                  </a:moveTo>
                  <a:lnTo>
                    <a:pt x="52497" y="7214"/>
                  </a:lnTo>
                  <a:lnTo>
                    <a:pt x="52497" y="8066"/>
                  </a:lnTo>
                  <a:lnTo>
                    <a:pt x="52497" y="8999"/>
                  </a:lnTo>
                  <a:lnTo>
                    <a:pt x="52497" y="10952"/>
                  </a:lnTo>
                  <a:cubicBezTo>
                    <a:pt x="51802" y="10561"/>
                    <a:pt x="51185" y="10087"/>
                    <a:pt x="50667" y="9512"/>
                  </a:cubicBezTo>
                  <a:cubicBezTo>
                    <a:pt x="49217" y="7901"/>
                    <a:pt x="48758" y="5876"/>
                    <a:pt x="48624" y="4482"/>
                  </a:cubicBezTo>
                  <a:close/>
                  <a:moveTo>
                    <a:pt x="56523" y="8999"/>
                  </a:moveTo>
                  <a:lnTo>
                    <a:pt x="56523" y="11059"/>
                  </a:lnTo>
                  <a:lnTo>
                    <a:pt x="56229" y="11059"/>
                  </a:lnTo>
                  <a:lnTo>
                    <a:pt x="56229" y="9444"/>
                  </a:lnTo>
                  <a:lnTo>
                    <a:pt x="55814" y="9444"/>
                  </a:lnTo>
                  <a:lnTo>
                    <a:pt x="55814" y="10574"/>
                  </a:lnTo>
                  <a:lnTo>
                    <a:pt x="55745" y="10574"/>
                  </a:lnTo>
                  <a:lnTo>
                    <a:pt x="55745" y="10465"/>
                  </a:lnTo>
                  <a:cubicBezTo>
                    <a:pt x="55745" y="10366"/>
                    <a:pt x="55666" y="10287"/>
                    <a:pt x="55569" y="10287"/>
                  </a:cubicBezTo>
                  <a:cubicBezTo>
                    <a:pt x="55470" y="10287"/>
                    <a:pt x="55391" y="10366"/>
                    <a:pt x="55391" y="10465"/>
                  </a:cubicBezTo>
                  <a:lnTo>
                    <a:pt x="55391" y="10574"/>
                  </a:lnTo>
                  <a:lnTo>
                    <a:pt x="55335" y="10574"/>
                  </a:lnTo>
                  <a:lnTo>
                    <a:pt x="55335" y="10465"/>
                  </a:lnTo>
                  <a:cubicBezTo>
                    <a:pt x="55335" y="10366"/>
                    <a:pt x="55255" y="10287"/>
                    <a:pt x="55157" y="10287"/>
                  </a:cubicBezTo>
                  <a:cubicBezTo>
                    <a:pt x="55060" y="10287"/>
                    <a:pt x="54980" y="10366"/>
                    <a:pt x="54980" y="10465"/>
                  </a:cubicBezTo>
                  <a:lnTo>
                    <a:pt x="54980" y="10574"/>
                  </a:lnTo>
                  <a:lnTo>
                    <a:pt x="54925" y="10574"/>
                  </a:lnTo>
                  <a:lnTo>
                    <a:pt x="54925" y="10465"/>
                  </a:lnTo>
                  <a:cubicBezTo>
                    <a:pt x="54925" y="10366"/>
                    <a:pt x="54845" y="10287"/>
                    <a:pt x="54747" y="10287"/>
                  </a:cubicBezTo>
                  <a:cubicBezTo>
                    <a:pt x="54649" y="10287"/>
                    <a:pt x="54570" y="10366"/>
                    <a:pt x="54570" y="10465"/>
                  </a:cubicBezTo>
                  <a:lnTo>
                    <a:pt x="54570" y="10574"/>
                  </a:lnTo>
                  <a:lnTo>
                    <a:pt x="54513" y="10574"/>
                  </a:lnTo>
                  <a:lnTo>
                    <a:pt x="54513" y="10465"/>
                  </a:lnTo>
                  <a:cubicBezTo>
                    <a:pt x="54513" y="10366"/>
                    <a:pt x="54435" y="10287"/>
                    <a:pt x="54337" y="10287"/>
                  </a:cubicBezTo>
                  <a:cubicBezTo>
                    <a:pt x="54238" y="10287"/>
                    <a:pt x="54159" y="10366"/>
                    <a:pt x="54159" y="10465"/>
                  </a:cubicBezTo>
                  <a:lnTo>
                    <a:pt x="54159" y="10574"/>
                  </a:lnTo>
                  <a:lnTo>
                    <a:pt x="54090" y="10574"/>
                  </a:lnTo>
                  <a:lnTo>
                    <a:pt x="54090" y="9444"/>
                  </a:lnTo>
                  <a:lnTo>
                    <a:pt x="53675" y="9444"/>
                  </a:lnTo>
                  <a:lnTo>
                    <a:pt x="53675" y="11059"/>
                  </a:lnTo>
                  <a:lnTo>
                    <a:pt x="53382" y="11059"/>
                  </a:lnTo>
                  <a:lnTo>
                    <a:pt x="53382" y="8999"/>
                  </a:lnTo>
                  <a:close/>
                  <a:moveTo>
                    <a:pt x="68938" y="8999"/>
                  </a:moveTo>
                  <a:lnTo>
                    <a:pt x="68938" y="11059"/>
                  </a:lnTo>
                  <a:lnTo>
                    <a:pt x="68645" y="11059"/>
                  </a:lnTo>
                  <a:lnTo>
                    <a:pt x="68645" y="9444"/>
                  </a:lnTo>
                  <a:lnTo>
                    <a:pt x="68229" y="9444"/>
                  </a:lnTo>
                  <a:lnTo>
                    <a:pt x="68229" y="10574"/>
                  </a:lnTo>
                  <a:lnTo>
                    <a:pt x="68162" y="10574"/>
                  </a:lnTo>
                  <a:lnTo>
                    <a:pt x="68162" y="10465"/>
                  </a:lnTo>
                  <a:cubicBezTo>
                    <a:pt x="68162" y="10366"/>
                    <a:pt x="68082" y="10287"/>
                    <a:pt x="67984" y="10287"/>
                  </a:cubicBezTo>
                  <a:cubicBezTo>
                    <a:pt x="67886" y="10287"/>
                    <a:pt x="67806" y="10366"/>
                    <a:pt x="67806" y="10465"/>
                  </a:cubicBezTo>
                  <a:lnTo>
                    <a:pt x="67806" y="10574"/>
                  </a:lnTo>
                  <a:lnTo>
                    <a:pt x="67751" y="10574"/>
                  </a:lnTo>
                  <a:lnTo>
                    <a:pt x="67751" y="10465"/>
                  </a:lnTo>
                  <a:cubicBezTo>
                    <a:pt x="67751" y="10366"/>
                    <a:pt x="67671" y="10287"/>
                    <a:pt x="67574" y="10287"/>
                  </a:cubicBezTo>
                  <a:cubicBezTo>
                    <a:pt x="67476" y="10287"/>
                    <a:pt x="67396" y="10366"/>
                    <a:pt x="67396" y="10465"/>
                  </a:cubicBezTo>
                  <a:lnTo>
                    <a:pt x="67396" y="10574"/>
                  </a:lnTo>
                  <a:lnTo>
                    <a:pt x="67340" y="10574"/>
                  </a:lnTo>
                  <a:lnTo>
                    <a:pt x="67340" y="10465"/>
                  </a:lnTo>
                  <a:cubicBezTo>
                    <a:pt x="67340" y="10366"/>
                    <a:pt x="67261" y="10287"/>
                    <a:pt x="67162" y="10287"/>
                  </a:cubicBezTo>
                  <a:cubicBezTo>
                    <a:pt x="67065" y="10287"/>
                    <a:pt x="66986" y="10366"/>
                    <a:pt x="66986" y="10465"/>
                  </a:cubicBezTo>
                  <a:lnTo>
                    <a:pt x="66986" y="10574"/>
                  </a:lnTo>
                  <a:lnTo>
                    <a:pt x="66930" y="10574"/>
                  </a:lnTo>
                  <a:lnTo>
                    <a:pt x="66930" y="10465"/>
                  </a:lnTo>
                  <a:cubicBezTo>
                    <a:pt x="66930" y="10366"/>
                    <a:pt x="66850" y="10287"/>
                    <a:pt x="66752" y="10287"/>
                  </a:cubicBezTo>
                  <a:cubicBezTo>
                    <a:pt x="66654" y="10287"/>
                    <a:pt x="66575" y="10366"/>
                    <a:pt x="66575" y="10465"/>
                  </a:cubicBezTo>
                  <a:lnTo>
                    <a:pt x="66575" y="10574"/>
                  </a:lnTo>
                  <a:lnTo>
                    <a:pt x="66507" y="10574"/>
                  </a:lnTo>
                  <a:lnTo>
                    <a:pt x="66507" y="9444"/>
                  </a:lnTo>
                  <a:lnTo>
                    <a:pt x="66092" y="9444"/>
                  </a:lnTo>
                  <a:lnTo>
                    <a:pt x="66092" y="11059"/>
                  </a:lnTo>
                  <a:lnTo>
                    <a:pt x="65798" y="11059"/>
                  </a:lnTo>
                  <a:lnTo>
                    <a:pt x="65798" y="8999"/>
                  </a:lnTo>
                  <a:close/>
                  <a:moveTo>
                    <a:pt x="47607" y="4482"/>
                  </a:moveTo>
                  <a:cubicBezTo>
                    <a:pt x="47439" y="5818"/>
                    <a:pt x="46945" y="7717"/>
                    <a:pt x="45550" y="9225"/>
                  </a:cubicBezTo>
                  <a:cubicBezTo>
                    <a:pt x="44021" y="10879"/>
                    <a:pt x="41735" y="11718"/>
                    <a:pt x="38755" y="11718"/>
                  </a:cubicBezTo>
                  <a:cubicBezTo>
                    <a:pt x="35786" y="11718"/>
                    <a:pt x="33502" y="10881"/>
                    <a:pt x="31961" y="9230"/>
                  </a:cubicBezTo>
                  <a:cubicBezTo>
                    <a:pt x="30562" y="7729"/>
                    <a:pt x="30048" y="5833"/>
                    <a:pt x="29863" y="4482"/>
                  </a:cubicBezTo>
                  <a:close/>
                  <a:moveTo>
                    <a:pt x="28365" y="4482"/>
                  </a:moveTo>
                  <a:cubicBezTo>
                    <a:pt x="27459" y="7179"/>
                    <a:pt x="25095" y="11919"/>
                    <a:pt x="19664" y="11919"/>
                  </a:cubicBezTo>
                  <a:cubicBezTo>
                    <a:pt x="15603" y="11919"/>
                    <a:pt x="13286" y="9571"/>
                    <a:pt x="11999" y="7349"/>
                  </a:cubicBezTo>
                  <a:lnTo>
                    <a:pt x="11999" y="4482"/>
                  </a:lnTo>
                  <a:close/>
                  <a:moveTo>
                    <a:pt x="56523" y="12042"/>
                  </a:moveTo>
                  <a:lnTo>
                    <a:pt x="56523" y="12126"/>
                  </a:lnTo>
                  <a:cubicBezTo>
                    <a:pt x="56424" y="12116"/>
                    <a:pt x="56327" y="12104"/>
                    <a:pt x="56229" y="12092"/>
                  </a:cubicBezTo>
                  <a:lnTo>
                    <a:pt x="56229" y="12042"/>
                  </a:lnTo>
                  <a:close/>
                  <a:moveTo>
                    <a:pt x="55391" y="22148"/>
                  </a:moveTo>
                  <a:lnTo>
                    <a:pt x="55391" y="22213"/>
                  </a:lnTo>
                  <a:cubicBezTo>
                    <a:pt x="55391" y="22312"/>
                    <a:pt x="55470" y="22391"/>
                    <a:pt x="55569" y="22391"/>
                  </a:cubicBezTo>
                  <a:cubicBezTo>
                    <a:pt x="55666" y="22391"/>
                    <a:pt x="55745" y="22312"/>
                    <a:pt x="55745" y="22213"/>
                  </a:cubicBezTo>
                  <a:lnTo>
                    <a:pt x="55745" y="22149"/>
                  </a:lnTo>
                  <a:cubicBezTo>
                    <a:pt x="56065" y="22241"/>
                    <a:pt x="56282" y="22574"/>
                    <a:pt x="56186" y="22938"/>
                  </a:cubicBezTo>
                  <a:cubicBezTo>
                    <a:pt x="56129" y="23152"/>
                    <a:pt x="55956" y="23325"/>
                    <a:pt x="55742" y="23381"/>
                  </a:cubicBezTo>
                  <a:cubicBezTo>
                    <a:pt x="55683" y="23397"/>
                    <a:pt x="55625" y="23404"/>
                    <a:pt x="55568" y="23404"/>
                  </a:cubicBezTo>
                  <a:cubicBezTo>
                    <a:pt x="55159" y="23404"/>
                    <a:pt x="54838" y="23017"/>
                    <a:pt x="54952" y="22590"/>
                  </a:cubicBezTo>
                  <a:cubicBezTo>
                    <a:pt x="55007" y="22378"/>
                    <a:pt x="55179" y="22206"/>
                    <a:pt x="55391" y="22148"/>
                  </a:cubicBezTo>
                  <a:close/>
                  <a:moveTo>
                    <a:pt x="66574" y="22148"/>
                  </a:moveTo>
                  <a:lnTo>
                    <a:pt x="66574" y="22213"/>
                  </a:lnTo>
                  <a:cubicBezTo>
                    <a:pt x="66574" y="22312"/>
                    <a:pt x="66654" y="22391"/>
                    <a:pt x="66752" y="22391"/>
                  </a:cubicBezTo>
                  <a:cubicBezTo>
                    <a:pt x="66850" y="22391"/>
                    <a:pt x="66929" y="22312"/>
                    <a:pt x="66929" y="22213"/>
                  </a:cubicBezTo>
                  <a:lnTo>
                    <a:pt x="66929" y="22149"/>
                  </a:lnTo>
                  <a:cubicBezTo>
                    <a:pt x="67248" y="22241"/>
                    <a:pt x="67465" y="22574"/>
                    <a:pt x="67369" y="22938"/>
                  </a:cubicBezTo>
                  <a:cubicBezTo>
                    <a:pt x="67312" y="23152"/>
                    <a:pt x="67140" y="23325"/>
                    <a:pt x="66926" y="23381"/>
                  </a:cubicBezTo>
                  <a:cubicBezTo>
                    <a:pt x="66867" y="23397"/>
                    <a:pt x="66808" y="23404"/>
                    <a:pt x="66752" y="23404"/>
                  </a:cubicBezTo>
                  <a:cubicBezTo>
                    <a:pt x="66342" y="23404"/>
                    <a:pt x="66021" y="23017"/>
                    <a:pt x="66135" y="22590"/>
                  </a:cubicBezTo>
                  <a:cubicBezTo>
                    <a:pt x="66191" y="22378"/>
                    <a:pt x="66362" y="22206"/>
                    <a:pt x="66574" y="22148"/>
                  </a:cubicBezTo>
                  <a:close/>
                  <a:moveTo>
                    <a:pt x="66092" y="12042"/>
                  </a:moveTo>
                  <a:lnTo>
                    <a:pt x="66092" y="14051"/>
                  </a:lnTo>
                  <a:lnTo>
                    <a:pt x="66507" y="14051"/>
                  </a:lnTo>
                  <a:lnTo>
                    <a:pt x="66507" y="12923"/>
                  </a:lnTo>
                  <a:lnTo>
                    <a:pt x="66574" y="12923"/>
                  </a:lnTo>
                  <a:lnTo>
                    <a:pt x="66574" y="13032"/>
                  </a:lnTo>
                  <a:lnTo>
                    <a:pt x="66574" y="21670"/>
                  </a:lnTo>
                  <a:cubicBezTo>
                    <a:pt x="66559" y="21672"/>
                    <a:pt x="66543" y="21671"/>
                    <a:pt x="66528" y="21674"/>
                  </a:cubicBezTo>
                  <a:cubicBezTo>
                    <a:pt x="66087" y="21761"/>
                    <a:pt x="65735" y="22120"/>
                    <a:pt x="65657" y="22563"/>
                  </a:cubicBezTo>
                  <a:cubicBezTo>
                    <a:pt x="65563" y="23097"/>
                    <a:pt x="65854" y="23579"/>
                    <a:pt x="66297" y="23778"/>
                  </a:cubicBezTo>
                  <a:cubicBezTo>
                    <a:pt x="66414" y="23830"/>
                    <a:pt x="66485" y="23950"/>
                    <a:pt x="66485" y="24078"/>
                  </a:cubicBezTo>
                  <a:lnTo>
                    <a:pt x="66485" y="24440"/>
                  </a:lnTo>
                  <a:cubicBezTo>
                    <a:pt x="64794" y="23678"/>
                    <a:pt x="62977" y="23296"/>
                    <a:pt x="61160" y="23296"/>
                  </a:cubicBezTo>
                  <a:cubicBezTo>
                    <a:pt x="59343" y="23296"/>
                    <a:pt x="57526" y="23678"/>
                    <a:pt x="55835" y="24440"/>
                  </a:cubicBezTo>
                  <a:lnTo>
                    <a:pt x="55835" y="24070"/>
                  </a:lnTo>
                  <a:cubicBezTo>
                    <a:pt x="55835" y="23940"/>
                    <a:pt x="55917" y="23828"/>
                    <a:pt x="56035" y="23773"/>
                  </a:cubicBezTo>
                  <a:cubicBezTo>
                    <a:pt x="56415" y="23596"/>
                    <a:pt x="56681" y="23211"/>
                    <a:pt x="56681" y="22764"/>
                  </a:cubicBezTo>
                  <a:cubicBezTo>
                    <a:pt x="56681" y="22211"/>
                    <a:pt x="56275" y="21759"/>
                    <a:pt x="55745" y="21673"/>
                  </a:cubicBezTo>
                  <a:lnTo>
                    <a:pt x="55745" y="13031"/>
                  </a:lnTo>
                  <a:lnTo>
                    <a:pt x="55745" y="12962"/>
                  </a:lnTo>
                  <a:cubicBezTo>
                    <a:pt x="55768" y="12965"/>
                    <a:pt x="55792" y="12967"/>
                    <a:pt x="55814" y="12970"/>
                  </a:cubicBezTo>
                  <a:lnTo>
                    <a:pt x="55814" y="14051"/>
                  </a:lnTo>
                  <a:lnTo>
                    <a:pt x="56229" y="14051"/>
                  </a:lnTo>
                  <a:lnTo>
                    <a:pt x="56229" y="13019"/>
                  </a:lnTo>
                  <a:cubicBezTo>
                    <a:pt x="56327" y="13029"/>
                    <a:pt x="56422" y="13045"/>
                    <a:pt x="56523" y="13053"/>
                  </a:cubicBezTo>
                  <a:lnTo>
                    <a:pt x="56523" y="14051"/>
                  </a:lnTo>
                  <a:lnTo>
                    <a:pt x="57112" y="14051"/>
                  </a:lnTo>
                  <a:cubicBezTo>
                    <a:pt x="57272" y="14514"/>
                    <a:pt x="57706" y="14848"/>
                    <a:pt x="58223" y="14848"/>
                  </a:cubicBezTo>
                  <a:lnTo>
                    <a:pt x="64264" y="14848"/>
                  </a:lnTo>
                  <a:cubicBezTo>
                    <a:pt x="64781" y="14848"/>
                    <a:pt x="65216" y="14514"/>
                    <a:pt x="65375" y="14051"/>
                  </a:cubicBezTo>
                  <a:lnTo>
                    <a:pt x="65798" y="14051"/>
                  </a:lnTo>
                  <a:lnTo>
                    <a:pt x="65798" y="12042"/>
                  </a:lnTo>
                  <a:close/>
                  <a:moveTo>
                    <a:pt x="0" y="1"/>
                  </a:moveTo>
                  <a:lnTo>
                    <a:pt x="0" y="928"/>
                  </a:lnTo>
                  <a:lnTo>
                    <a:pt x="0" y="3553"/>
                  </a:lnTo>
                  <a:lnTo>
                    <a:pt x="0" y="4482"/>
                  </a:lnTo>
                  <a:lnTo>
                    <a:pt x="6284" y="4482"/>
                  </a:lnTo>
                  <a:lnTo>
                    <a:pt x="6284" y="64849"/>
                  </a:lnTo>
                  <a:lnTo>
                    <a:pt x="11999" y="64849"/>
                  </a:lnTo>
                  <a:lnTo>
                    <a:pt x="11999" y="8951"/>
                  </a:lnTo>
                  <a:cubicBezTo>
                    <a:pt x="13514" y="10992"/>
                    <a:pt x="15918" y="12841"/>
                    <a:pt x="19664" y="12841"/>
                  </a:cubicBezTo>
                  <a:cubicBezTo>
                    <a:pt x="25322" y="12841"/>
                    <a:pt x="27947" y="8252"/>
                    <a:pt x="29053" y="5283"/>
                  </a:cubicBezTo>
                  <a:cubicBezTo>
                    <a:pt x="29328" y="6679"/>
                    <a:pt x="29940" y="8409"/>
                    <a:pt x="31281" y="9852"/>
                  </a:cubicBezTo>
                  <a:cubicBezTo>
                    <a:pt x="33002" y="11702"/>
                    <a:pt x="35517" y="12639"/>
                    <a:pt x="38755" y="12639"/>
                  </a:cubicBezTo>
                  <a:cubicBezTo>
                    <a:pt x="42003" y="12639"/>
                    <a:pt x="44517" y="11701"/>
                    <a:pt x="46227" y="9850"/>
                  </a:cubicBezTo>
                  <a:cubicBezTo>
                    <a:pt x="47160" y="8842"/>
                    <a:pt x="47732" y="7693"/>
                    <a:pt x="48081" y="6618"/>
                  </a:cubicBezTo>
                  <a:cubicBezTo>
                    <a:pt x="48412" y="7773"/>
                    <a:pt x="48988" y="9023"/>
                    <a:pt x="49976" y="10121"/>
                  </a:cubicBezTo>
                  <a:cubicBezTo>
                    <a:pt x="50505" y="10709"/>
                    <a:pt x="51123" y="11202"/>
                    <a:pt x="51808" y="11618"/>
                  </a:cubicBezTo>
                  <a:cubicBezTo>
                    <a:pt x="51842" y="11856"/>
                    <a:pt x="52039" y="12042"/>
                    <a:pt x="52286" y="12042"/>
                  </a:cubicBezTo>
                  <a:lnTo>
                    <a:pt x="52497" y="12042"/>
                  </a:lnTo>
                  <a:lnTo>
                    <a:pt x="52497" y="13972"/>
                  </a:lnTo>
                  <a:lnTo>
                    <a:pt x="53382" y="13972"/>
                  </a:lnTo>
                  <a:lnTo>
                    <a:pt x="53382" y="12384"/>
                  </a:lnTo>
                  <a:cubicBezTo>
                    <a:pt x="53476" y="12418"/>
                    <a:pt x="53579" y="12444"/>
                    <a:pt x="53675" y="12476"/>
                  </a:cubicBezTo>
                  <a:lnTo>
                    <a:pt x="53675" y="14051"/>
                  </a:lnTo>
                  <a:lnTo>
                    <a:pt x="54090" y="14051"/>
                  </a:lnTo>
                  <a:lnTo>
                    <a:pt x="54090" y="12922"/>
                  </a:lnTo>
                  <a:lnTo>
                    <a:pt x="54159" y="12922"/>
                  </a:lnTo>
                  <a:lnTo>
                    <a:pt x="54159" y="13031"/>
                  </a:lnTo>
                  <a:cubicBezTo>
                    <a:pt x="54159" y="13129"/>
                    <a:pt x="54238" y="13209"/>
                    <a:pt x="54337" y="13209"/>
                  </a:cubicBezTo>
                  <a:cubicBezTo>
                    <a:pt x="54435" y="13209"/>
                    <a:pt x="54513" y="13129"/>
                    <a:pt x="54513" y="13031"/>
                  </a:cubicBezTo>
                  <a:lnTo>
                    <a:pt x="54513" y="12922"/>
                  </a:lnTo>
                  <a:lnTo>
                    <a:pt x="54570" y="12922"/>
                  </a:lnTo>
                  <a:lnTo>
                    <a:pt x="54570" y="13031"/>
                  </a:lnTo>
                  <a:cubicBezTo>
                    <a:pt x="54570" y="13129"/>
                    <a:pt x="54649" y="13209"/>
                    <a:pt x="54747" y="13209"/>
                  </a:cubicBezTo>
                  <a:cubicBezTo>
                    <a:pt x="54845" y="13209"/>
                    <a:pt x="54925" y="13129"/>
                    <a:pt x="54925" y="13031"/>
                  </a:cubicBezTo>
                  <a:lnTo>
                    <a:pt x="54925" y="12922"/>
                  </a:lnTo>
                  <a:lnTo>
                    <a:pt x="54980" y="12922"/>
                  </a:lnTo>
                  <a:lnTo>
                    <a:pt x="54980" y="13031"/>
                  </a:lnTo>
                  <a:cubicBezTo>
                    <a:pt x="54980" y="13129"/>
                    <a:pt x="55060" y="13209"/>
                    <a:pt x="55157" y="13209"/>
                  </a:cubicBezTo>
                  <a:cubicBezTo>
                    <a:pt x="55255" y="13209"/>
                    <a:pt x="55335" y="13129"/>
                    <a:pt x="55335" y="13031"/>
                  </a:cubicBezTo>
                  <a:lnTo>
                    <a:pt x="55335" y="12922"/>
                  </a:lnTo>
                  <a:lnTo>
                    <a:pt x="55391" y="12922"/>
                  </a:lnTo>
                  <a:lnTo>
                    <a:pt x="55391" y="13031"/>
                  </a:lnTo>
                  <a:lnTo>
                    <a:pt x="55391" y="21670"/>
                  </a:lnTo>
                  <a:cubicBezTo>
                    <a:pt x="55375" y="21672"/>
                    <a:pt x="55360" y="21671"/>
                    <a:pt x="55344" y="21674"/>
                  </a:cubicBezTo>
                  <a:cubicBezTo>
                    <a:pt x="54903" y="21761"/>
                    <a:pt x="54552" y="22120"/>
                    <a:pt x="54474" y="22563"/>
                  </a:cubicBezTo>
                  <a:cubicBezTo>
                    <a:pt x="54379" y="23097"/>
                    <a:pt x="54669" y="23578"/>
                    <a:pt x="55113" y="23777"/>
                  </a:cubicBezTo>
                  <a:cubicBezTo>
                    <a:pt x="55230" y="23830"/>
                    <a:pt x="55302" y="23950"/>
                    <a:pt x="55302" y="24078"/>
                  </a:cubicBezTo>
                  <a:lnTo>
                    <a:pt x="55302" y="24696"/>
                  </a:lnTo>
                  <a:cubicBezTo>
                    <a:pt x="54588" y="25058"/>
                    <a:pt x="53897" y="25483"/>
                    <a:pt x="53245" y="25985"/>
                  </a:cubicBezTo>
                  <a:cubicBezTo>
                    <a:pt x="53085" y="26108"/>
                    <a:pt x="52957" y="26261"/>
                    <a:pt x="52844" y="26425"/>
                  </a:cubicBezTo>
                  <a:lnTo>
                    <a:pt x="52834" y="26425"/>
                  </a:lnTo>
                  <a:cubicBezTo>
                    <a:pt x="52794" y="26481"/>
                    <a:pt x="52762" y="26543"/>
                    <a:pt x="52729" y="26603"/>
                  </a:cubicBezTo>
                  <a:cubicBezTo>
                    <a:pt x="52715" y="26631"/>
                    <a:pt x="52698" y="26656"/>
                    <a:pt x="52685" y="26684"/>
                  </a:cubicBezTo>
                  <a:cubicBezTo>
                    <a:pt x="52634" y="26790"/>
                    <a:pt x="52596" y="26903"/>
                    <a:pt x="52565" y="27019"/>
                  </a:cubicBezTo>
                  <a:cubicBezTo>
                    <a:pt x="52557" y="27053"/>
                    <a:pt x="52548" y="27087"/>
                    <a:pt x="52541" y="27122"/>
                  </a:cubicBezTo>
                  <a:cubicBezTo>
                    <a:pt x="52515" y="27248"/>
                    <a:pt x="52497" y="27376"/>
                    <a:pt x="52497" y="27507"/>
                  </a:cubicBezTo>
                  <a:lnTo>
                    <a:pt x="52497" y="27585"/>
                  </a:lnTo>
                  <a:lnTo>
                    <a:pt x="52497" y="28903"/>
                  </a:lnTo>
                  <a:cubicBezTo>
                    <a:pt x="52497" y="29267"/>
                    <a:pt x="52791" y="29563"/>
                    <a:pt x="53156" y="29563"/>
                  </a:cubicBezTo>
                  <a:lnTo>
                    <a:pt x="69165" y="29563"/>
                  </a:lnTo>
                  <a:cubicBezTo>
                    <a:pt x="69529" y="29563"/>
                    <a:pt x="69824" y="29267"/>
                    <a:pt x="69824" y="28903"/>
                  </a:cubicBezTo>
                  <a:lnTo>
                    <a:pt x="69824" y="27585"/>
                  </a:lnTo>
                  <a:lnTo>
                    <a:pt x="69824" y="27507"/>
                  </a:lnTo>
                  <a:cubicBezTo>
                    <a:pt x="69824" y="27376"/>
                    <a:pt x="69806" y="27248"/>
                    <a:pt x="69780" y="27122"/>
                  </a:cubicBezTo>
                  <a:cubicBezTo>
                    <a:pt x="69772" y="27087"/>
                    <a:pt x="69764" y="27053"/>
                    <a:pt x="69755" y="27019"/>
                  </a:cubicBezTo>
                  <a:cubicBezTo>
                    <a:pt x="69724" y="26903"/>
                    <a:pt x="69687" y="26790"/>
                    <a:pt x="69635" y="26684"/>
                  </a:cubicBezTo>
                  <a:cubicBezTo>
                    <a:pt x="69623" y="26656"/>
                    <a:pt x="69605" y="26631"/>
                    <a:pt x="69591" y="26603"/>
                  </a:cubicBezTo>
                  <a:cubicBezTo>
                    <a:pt x="69558" y="26543"/>
                    <a:pt x="69526" y="26481"/>
                    <a:pt x="69487" y="26425"/>
                  </a:cubicBezTo>
                  <a:lnTo>
                    <a:pt x="69476" y="26425"/>
                  </a:lnTo>
                  <a:cubicBezTo>
                    <a:pt x="69364" y="26261"/>
                    <a:pt x="69236" y="26108"/>
                    <a:pt x="69075" y="25985"/>
                  </a:cubicBezTo>
                  <a:cubicBezTo>
                    <a:pt x="68422" y="25483"/>
                    <a:pt x="67732" y="25058"/>
                    <a:pt x="67019" y="24696"/>
                  </a:cubicBezTo>
                  <a:lnTo>
                    <a:pt x="67019" y="24070"/>
                  </a:lnTo>
                  <a:cubicBezTo>
                    <a:pt x="67019" y="23940"/>
                    <a:pt x="67099" y="23828"/>
                    <a:pt x="67218" y="23773"/>
                  </a:cubicBezTo>
                  <a:cubicBezTo>
                    <a:pt x="67600" y="23596"/>
                    <a:pt x="67864" y="23211"/>
                    <a:pt x="67864" y="22764"/>
                  </a:cubicBezTo>
                  <a:cubicBezTo>
                    <a:pt x="67864" y="22211"/>
                    <a:pt x="67458" y="21759"/>
                    <a:pt x="66929" y="21673"/>
                  </a:cubicBezTo>
                  <a:lnTo>
                    <a:pt x="66929" y="13031"/>
                  </a:lnTo>
                  <a:lnTo>
                    <a:pt x="66929" y="12922"/>
                  </a:lnTo>
                  <a:lnTo>
                    <a:pt x="66986" y="12922"/>
                  </a:lnTo>
                  <a:lnTo>
                    <a:pt x="66986" y="13031"/>
                  </a:lnTo>
                  <a:cubicBezTo>
                    <a:pt x="66986" y="13129"/>
                    <a:pt x="67064" y="13209"/>
                    <a:pt x="67162" y="13209"/>
                  </a:cubicBezTo>
                  <a:cubicBezTo>
                    <a:pt x="67261" y="13209"/>
                    <a:pt x="67340" y="13129"/>
                    <a:pt x="67340" y="13031"/>
                  </a:cubicBezTo>
                  <a:lnTo>
                    <a:pt x="67340" y="12922"/>
                  </a:lnTo>
                  <a:lnTo>
                    <a:pt x="67396" y="12922"/>
                  </a:lnTo>
                  <a:lnTo>
                    <a:pt x="67396" y="13031"/>
                  </a:lnTo>
                  <a:cubicBezTo>
                    <a:pt x="67396" y="13129"/>
                    <a:pt x="67476" y="13209"/>
                    <a:pt x="67574" y="13209"/>
                  </a:cubicBezTo>
                  <a:cubicBezTo>
                    <a:pt x="67671" y="13209"/>
                    <a:pt x="67751" y="13129"/>
                    <a:pt x="67751" y="13031"/>
                  </a:cubicBezTo>
                  <a:lnTo>
                    <a:pt x="67751" y="12922"/>
                  </a:lnTo>
                  <a:lnTo>
                    <a:pt x="67806" y="12922"/>
                  </a:lnTo>
                  <a:lnTo>
                    <a:pt x="67806" y="13031"/>
                  </a:lnTo>
                  <a:cubicBezTo>
                    <a:pt x="67806" y="13129"/>
                    <a:pt x="67886" y="13209"/>
                    <a:pt x="67984" y="13209"/>
                  </a:cubicBezTo>
                  <a:cubicBezTo>
                    <a:pt x="68082" y="13209"/>
                    <a:pt x="68161" y="13129"/>
                    <a:pt x="68161" y="13031"/>
                  </a:cubicBezTo>
                  <a:lnTo>
                    <a:pt x="68161" y="12922"/>
                  </a:lnTo>
                  <a:lnTo>
                    <a:pt x="68229" y="12922"/>
                  </a:lnTo>
                  <a:lnTo>
                    <a:pt x="68229" y="14051"/>
                  </a:lnTo>
                  <a:lnTo>
                    <a:pt x="68645" y="14051"/>
                  </a:lnTo>
                  <a:lnTo>
                    <a:pt x="68645" y="12042"/>
                  </a:lnTo>
                  <a:lnTo>
                    <a:pt x="68938" y="12042"/>
                  </a:lnTo>
                  <a:lnTo>
                    <a:pt x="68938" y="13972"/>
                  </a:lnTo>
                  <a:lnTo>
                    <a:pt x="69824" y="13972"/>
                  </a:lnTo>
                  <a:lnTo>
                    <a:pt x="69824" y="12042"/>
                  </a:lnTo>
                  <a:lnTo>
                    <a:pt x="70035" y="12042"/>
                  </a:lnTo>
                  <a:cubicBezTo>
                    <a:pt x="70306" y="12042"/>
                    <a:pt x="70526" y="11822"/>
                    <a:pt x="70526" y="11550"/>
                  </a:cubicBezTo>
                  <a:cubicBezTo>
                    <a:pt x="70526" y="11279"/>
                    <a:pt x="70306" y="11059"/>
                    <a:pt x="70035" y="11059"/>
                  </a:cubicBezTo>
                  <a:lnTo>
                    <a:pt x="69824" y="11059"/>
                  </a:lnTo>
                  <a:lnTo>
                    <a:pt x="69824" y="8999"/>
                  </a:lnTo>
                  <a:lnTo>
                    <a:pt x="69824" y="8066"/>
                  </a:lnTo>
                  <a:lnTo>
                    <a:pt x="69824" y="7214"/>
                  </a:lnTo>
                  <a:lnTo>
                    <a:pt x="69249" y="4482"/>
                  </a:lnTo>
                  <a:lnTo>
                    <a:pt x="75558" y="4482"/>
                  </a:lnTo>
                  <a:lnTo>
                    <a:pt x="75558" y="3553"/>
                  </a:lnTo>
                  <a:lnTo>
                    <a:pt x="75558" y="928"/>
                  </a:lnTo>
                  <a:lnTo>
                    <a:pt x="76677" y="1"/>
                  </a:lnTo>
                  <a:close/>
                </a:path>
              </a:pathLst>
            </a:custGeom>
            <a:solidFill>
              <a:srgbClr val="16263C">
                <a:alpha val="1013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dirty="0"/>
            </a:p>
          </p:txBody>
        </p:sp>
        <p:sp>
          <p:nvSpPr>
            <p:cNvPr id="185" name="Google Shape;185;p24"/>
            <p:cNvSpPr/>
            <p:nvPr/>
          </p:nvSpPr>
          <p:spPr>
            <a:xfrm>
              <a:off x="2710351" y="4131730"/>
              <a:ext cx="187815" cy="885611"/>
            </a:xfrm>
            <a:custGeom>
              <a:avLst/>
              <a:gdLst/>
              <a:ahLst/>
              <a:cxnLst/>
              <a:rect l="l" t="t" r="r" b="b"/>
              <a:pathLst>
                <a:path w="3109" h="14660" extrusionOk="0">
                  <a:moveTo>
                    <a:pt x="0" y="0"/>
                  </a:moveTo>
                  <a:lnTo>
                    <a:pt x="0" y="14659"/>
                  </a:lnTo>
                  <a:lnTo>
                    <a:pt x="3109" y="14659"/>
                  </a:lnTo>
                  <a:lnTo>
                    <a:pt x="3109"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6" name="Google Shape;186;p24"/>
            <p:cNvSpPr/>
            <p:nvPr/>
          </p:nvSpPr>
          <p:spPr>
            <a:xfrm>
              <a:off x="2308149" y="4894635"/>
              <a:ext cx="496147" cy="122693"/>
            </a:xfrm>
            <a:custGeom>
              <a:avLst/>
              <a:gdLst/>
              <a:ahLst/>
              <a:cxnLst/>
              <a:rect l="l" t="t" r="r" b="b"/>
              <a:pathLst>
                <a:path w="8213" h="2031" extrusionOk="0">
                  <a:moveTo>
                    <a:pt x="8213" y="1"/>
                  </a:moveTo>
                  <a:lnTo>
                    <a:pt x="0" y="1015"/>
                  </a:lnTo>
                  <a:lnTo>
                    <a:pt x="0" y="2030"/>
                  </a:lnTo>
                  <a:lnTo>
                    <a:pt x="8213" y="2030"/>
                  </a:lnTo>
                  <a:lnTo>
                    <a:pt x="8213"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7" name="Google Shape;187;p24"/>
            <p:cNvSpPr/>
            <p:nvPr/>
          </p:nvSpPr>
          <p:spPr>
            <a:xfrm>
              <a:off x="2804227" y="4894635"/>
              <a:ext cx="496147" cy="122693"/>
            </a:xfrm>
            <a:custGeom>
              <a:avLst/>
              <a:gdLst/>
              <a:ahLst/>
              <a:cxnLst/>
              <a:rect l="l" t="t" r="r" b="b"/>
              <a:pathLst>
                <a:path w="8213" h="2031" extrusionOk="0">
                  <a:moveTo>
                    <a:pt x="1" y="1"/>
                  </a:moveTo>
                  <a:lnTo>
                    <a:pt x="1" y="2030"/>
                  </a:lnTo>
                  <a:lnTo>
                    <a:pt x="8212" y="2030"/>
                  </a:lnTo>
                  <a:lnTo>
                    <a:pt x="8212" y="1015"/>
                  </a:lnTo>
                  <a:lnTo>
                    <a:pt x="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8" name="Google Shape;188;p24"/>
            <p:cNvSpPr/>
            <p:nvPr/>
          </p:nvSpPr>
          <p:spPr>
            <a:xfrm>
              <a:off x="1117911" y="4131730"/>
              <a:ext cx="187875" cy="885611"/>
            </a:xfrm>
            <a:custGeom>
              <a:avLst/>
              <a:gdLst/>
              <a:ahLst/>
              <a:cxnLst/>
              <a:rect l="l" t="t" r="r" b="b"/>
              <a:pathLst>
                <a:path w="3110" h="14660" extrusionOk="0">
                  <a:moveTo>
                    <a:pt x="0" y="0"/>
                  </a:moveTo>
                  <a:lnTo>
                    <a:pt x="0" y="14659"/>
                  </a:lnTo>
                  <a:lnTo>
                    <a:pt x="3110" y="14659"/>
                  </a:lnTo>
                  <a:lnTo>
                    <a:pt x="311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9" name="Google Shape;189;p24"/>
            <p:cNvSpPr/>
            <p:nvPr/>
          </p:nvSpPr>
          <p:spPr>
            <a:xfrm>
              <a:off x="715708" y="4894635"/>
              <a:ext cx="496147" cy="122693"/>
            </a:xfrm>
            <a:custGeom>
              <a:avLst/>
              <a:gdLst/>
              <a:ahLst/>
              <a:cxnLst/>
              <a:rect l="l" t="t" r="r" b="b"/>
              <a:pathLst>
                <a:path w="8213" h="2031" extrusionOk="0">
                  <a:moveTo>
                    <a:pt x="8213" y="1"/>
                  </a:moveTo>
                  <a:lnTo>
                    <a:pt x="0" y="1015"/>
                  </a:lnTo>
                  <a:lnTo>
                    <a:pt x="0" y="2030"/>
                  </a:lnTo>
                  <a:lnTo>
                    <a:pt x="8213" y="2030"/>
                  </a:lnTo>
                  <a:lnTo>
                    <a:pt x="8213"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0" name="Google Shape;190;p24"/>
            <p:cNvSpPr/>
            <p:nvPr/>
          </p:nvSpPr>
          <p:spPr>
            <a:xfrm>
              <a:off x="1211786" y="4894635"/>
              <a:ext cx="496208" cy="122693"/>
            </a:xfrm>
            <a:custGeom>
              <a:avLst/>
              <a:gdLst/>
              <a:ahLst/>
              <a:cxnLst/>
              <a:rect l="l" t="t" r="r" b="b"/>
              <a:pathLst>
                <a:path w="8214" h="2031" extrusionOk="0">
                  <a:moveTo>
                    <a:pt x="1" y="1"/>
                  </a:moveTo>
                  <a:lnTo>
                    <a:pt x="1" y="2030"/>
                  </a:lnTo>
                  <a:lnTo>
                    <a:pt x="8214" y="2030"/>
                  </a:lnTo>
                  <a:lnTo>
                    <a:pt x="8214" y="1015"/>
                  </a:lnTo>
                  <a:lnTo>
                    <a:pt x="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1" name="Google Shape;191;p24"/>
            <p:cNvSpPr/>
            <p:nvPr/>
          </p:nvSpPr>
          <p:spPr>
            <a:xfrm>
              <a:off x="583775" y="3478165"/>
              <a:ext cx="2848694" cy="603496"/>
            </a:xfrm>
            <a:custGeom>
              <a:avLst/>
              <a:gdLst/>
              <a:ahLst/>
              <a:cxnLst/>
              <a:rect l="l" t="t" r="r" b="b"/>
              <a:pathLst>
                <a:path w="47156" h="9990" extrusionOk="0">
                  <a:moveTo>
                    <a:pt x="4995" y="1"/>
                  </a:moveTo>
                  <a:cubicBezTo>
                    <a:pt x="2236" y="1"/>
                    <a:pt x="0" y="2237"/>
                    <a:pt x="0" y="4996"/>
                  </a:cubicBezTo>
                  <a:cubicBezTo>
                    <a:pt x="0" y="7754"/>
                    <a:pt x="2236" y="9989"/>
                    <a:pt x="4995" y="9989"/>
                  </a:cubicBezTo>
                  <a:lnTo>
                    <a:pt x="42162" y="9989"/>
                  </a:lnTo>
                  <a:cubicBezTo>
                    <a:pt x="44920" y="9989"/>
                    <a:pt x="47156" y="7754"/>
                    <a:pt x="47156" y="4996"/>
                  </a:cubicBezTo>
                  <a:cubicBezTo>
                    <a:pt x="47156" y="2237"/>
                    <a:pt x="44920" y="1"/>
                    <a:pt x="42162"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2" name="Google Shape;192;p24"/>
            <p:cNvSpPr/>
            <p:nvPr/>
          </p:nvSpPr>
          <p:spPr>
            <a:xfrm>
              <a:off x="2982131" y="4068723"/>
              <a:ext cx="106201" cy="25855"/>
            </a:xfrm>
            <a:custGeom>
              <a:avLst/>
              <a:gdLst/>
              <a:ahLst/>
              <a:cxnLst/>
              <a:rect l="l" t="t" r="r" b="b"/>
              <a:pathLst>
                <a:path w="1758"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3" name="Google Shape;193;p24"/>
            <p:cNvSpPr/>
            <p:nvPr/>
          </p:nvSpPr>
          <p:spPr>
            <a:xfrm>
              <a:off x="2833646" y="4068723"/>
              <a:ext cx="106140" cy="25855"/>
            </a:xfrm>
            <a:custGeom>
              <a:avLst/>
              <a:gdLst/>
              <a:ahLst/>
              <a:cxnLst/>
              <a:rect l="l" t="t" r="r" b="b"/>
              <a:pathLst>
                <a:path w="1757"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4" name="Google Shape;194;p24"/>
            <p:cNvSpPr/>
            <p:nvPr/>
          </p:nvSpPr>
          <p:spPr>
            <a:xfrm>
              <a:off x="2685161" y="4068723"/>
              <a:ext cx="106140" cy="25855"/>
            </a:xfrm>
            <a:custGeom>
              <a:avLst/>
              <a:gdLst/>
              <a:ahLst/>
              <a:cxnLst/>
              <a:rect l="l" t="t" r="r" b="b"/>
              <a:pathLst>
                <a:path w="1757"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5" name="Google Shape;195;p24"/>
            <p:cNvSpPr/>
            <p:nvPr/>
          </p:nvSpPr>
          <p:spPr>
            <a:xfrm>
              <a:off x="2536676" y="4068723"/>
              <a:ext cx="106080" cy="25855"/>
            </a:xfrm>
            <a:custGeom>
              <a:avLst/>
              <a:gdLst/>
              <a:ahLst/>
              <a:cxnLst/>
              <a:rect l="l" t="t" r="r" b="b"/>
              <a:pathLst>
                <a:path w="1756" h="428" extrusionOk="0">
                  <a:moveTo>
                    <a:pt x="1" y="0"/>
                  </a:moveTo>
                  <a:lnTo>
                    <a:pt x="1"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6" name="Google Shape;196;p24"/>
            <p:cNvSpPr/>
            <p:nvPr/>
          </p:nvSpPr>
          <p:spPr>
            <a:xfrm>
              <a:off x="2388190" y="4068723"/>
              <a:ext cx="106080" cy="25855"/>
            </a:xfrm>
            <a:custGeom>
              <a:avLst/>
              <a:gdLst/>
              <a:ahLst/>
              <a:cxnLst/>
              <a:rect l="l" t="t" r="r" b="b"/>
              <a:pathLst>
                <a:path w="1756" h="428"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7" name="Google Shape;197;p24"/>
            <p:cNvSpPr/>
            <p:nvPr/>
          </p:nvSpPr>
          <p:spPr>
            <a:xfrm>
              <a:off x="2239705" y="4068723"/>
              <a:ext cx="106080" cy="25855"/>
            </a:xfrm>
            <a:custGeom>
              <a:avLst/>
              <a:gdLst/>
              <a:ahLst/>
              <a:cxnLst/>
              <a:rect l="l" t="t" r="r" b="b"/>
              <a:pathLst>
                <a:path w="1756" h="428"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8" name="Google Shape;198;p24"/>
            <p:cNvSpPr/>
            <p:nvPr/>
          </p:nvSpPr>
          <p:spPr>
            <a:xfrm>
              <a:off x="2091160" y="4068723"/>
              <a:ext cx="106140" cy="25855"/>
            </a:xfrm>
            <a:custGeom>
              <a:avLst/>
              <a:gdLst/>
              <a:ahLst/>
              <a:cxnLst/>
              <a:rect l="l" t="t" r="r" b="b"/>
              <a:pathLst>
                <a:path w="1757" h="428"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9" name="Google Shape;199;p24"/>
            <p:cNvSpPr/>
            <p:nvPr/>
          </p:nvSpPr>
          <p:spPr>
            <a:xfrm>
              <a:off x="1942674" y="4068723"/>
              <a:ext cx="106140" cy="25855"/>
            </a:xfrm>
            <a:custGeom>
              <a:avLst/>
              <a:gdLst/>
              <a:ahLst/>
              <a:cxnLst/>
              <a:rect l="l" t="t" r="r" b="b"/>
              <a:pathLst>
                <a:path w="1757" h="428"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0" name="Google Shape;200;p24"/>
            <p:cNvSpPr/>
            <p:nvPr/>
          </p:nvSpPr>
          <p:spPr>
            <a:xfrm>
              <a:off x="1794189" y="4068723"/>
              <a:ext cx="106140" cy="25855"/>
            </a:xfrm>
            <a:custGeom>
              <a:avLst/>
              <a:gdLst/>
              <a:ahLst/>
              <a:cxnLst/>
              <a:rect l="l" t="t" r="r" b="b"/>
              <a:pathLst>
                <a:path w="1757" h="428"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1" name="Google Shape;201;p24"/>
            <p:cNvSpPr/>
            <p:nvPr/>
          </p:nvSpPr>
          <p:spPr>
            <a:xfrm>
              <a:off x="1645643" y="4068723"/>
              <a:ext cx="106201" cy="25855"/>
            </a:xfrm>
            <a:custGeom>
              <a:avLst/>
              <a:gdLst/>
              <a:ahLst/>
              <a:cxnLst/>
              <a:rect l="l" t="t" r="r" b="b"/>
              <a:pathLst>
                <a:path w="1758"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2" name="Google Shape;202;p24"/>
            <p:cNvSpPr/>
            <p:nvPr/>
          </p:nvSpPr>
          <p:spPr>
            <a:xfrm>
              <a:off x="1497158" y="4068723"/>
              <a:ext cx="106140" cy="25855"/>
            </a:xfrm>
            <a:custGeom>
              <a:avLst/>
              <a:gdLst/>
              <a:ahLst/>
              <a:cxnLst/>
              <a:rect l="l" t="t" r="r" b="b"/>
              <a:pathLst>
                <a:path w="1757" h="428" extrusionOk="0">
                  <a:moveTo>
                    <a:pt x="1" y="0"/>
                  </a:moveTo>
                  <a:lnTo>
                    <a:pt x="1"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3" name="Google Shape;203;p24"/>
            <p:cNvSpPr/>
            <p:nvPr/>
          </p:nvSpPr>
          <p:spPr>
            <a:xfrm>
              <a:off x="1348673" y="4068723"/>
              <a:ext cx="106080" cy="25855"/>
            </a:xfrm>
            <a:custGeom>
              <a:avLst/>
              <a:gdLst/>
              <a:ahLst/>
              <a:cxnLst/>
              <a:rect l="l" t="t" r="r" b="b"/>
              <a:pathLst>
                <a:path w="1756" h="428" extrusionOk="0">
                  <a:moveTo>
                    <a:pt x="1" y="0"/>
                  </a:moveTo>
                  <a:lnTo>
                    <a:pt x="1"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4" name="Google Shape;204;p24"/>
            <p:cNvSpPr/>
            <p:nvPr/>
          </p:nvSpPr>
          <p:spPr>
            <a:xfrm>
              <a:off x="1200127" y="4068723"/>
              <a:ext cx="106140" cy="25855"/>
            </a:xfrm>
            <a:custGeom>
              <a:avLst/>
              <a:gdLst/>
              <a:ahLst/>
              <a:cxnLst/>
              <a:rect l="l" t="t" r="r" b="b"/>
              <a:pathLst>
                <a:path w="1757"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5" name="Google Shape;205;p24"/>
            <p:cNvSpPr/>
            <p:nvPr/>
          </p:nvSpPr>
          <p:spPr>
            <a:xfrm>
              <a:off x="1051642" y="4068723"/>
              <a:ext cx="106140" cy="25855"/>
            </a:xfrm>
            <a:custGeom>
              <a:avLst/>
              <a:gdLst/>
              <a:ahLst/>
              <a:cxnLst/>
              <a:rect l="l" t="t" r="r" b="b"/>
              <a:pathLst>
                <a:path w="1757" h="428"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6" name="Google Shape;206;p24"/>
            <p:cNvSpPr/>
            <p:nvPr/>
          </p:nvSpPr>
          <p:spPr>
            <a:xfrm>
              <a:off x="903157" y="4068723"/>
              <a:ext cx="106140" cy="25855"/>
            </a:xfrm>
            <a:custGeom>
              <a:avLst/>
              <a:gdLst/>
              <a:ahLst/>
              <a:cxnLst/>
              <a:rect l="l" t="t" r="r" b="b"/>
              <a:pathLst>
                <a:path w="1757" h="428" extrusionOk="0">
                  <a:moveTo>
                    <a:pt x="0" y="0"/>
                  </a:moveTo>
                  <a:lnTo>
                    <a:pt x="0"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7" name="Google Shape;207;p24"/>
            <p:cNvSpPr/>
            <p:nvPr/>
          </p:nvSpPr>
          <p:spPr>
            <a:xfrm>
              <a:off x="753343" y="4041721"/>
              <a:ext cx="108557" cy="51530"/>
            </a:xfrm>
            <a:custGeom>
              <a:avLst/>
              <a:gdLst/>
              <a:ahLst/>
              <a:cxnLst/>
              <a:rect l="l" t="t" r="r" b="b"/>
              <a:pathLst>
                <a:path w="1797" h="853" extrusionOk="0">
                  <a:moveTo>
                    <a:pt x="181" y="1"/>
                  </a:moveTo>
                  <a:lnTo>
                    <a:pt x="1" y="389"/>
                  </a:lnTo>
                  <a:cubicBezTo>
                    <a:pt x="1" y="389"/>
                    <a:pt x="27" y="401"/>
                    <a:pt x="72" y="423"/>
                  </a:cubicBezTo>
                  <a:cubicBezTo>
                    <a:pt x="116" y="445"/>
                    <a:pt x="182" y="475"/>
                    <a:pt x="263" y="502"/>
                  </a:cubicBezTo>
                  <a:cubicBezTo>
                    <a:pt x="424" y="559"/>
                    <a:pt x="636" y="649"/>
                    <a:pt x="861" y="697"/>
                  </a:cubicBezTo>
                  <a:cubicBezTo>
                    <a:pt x="972" y="723"/>
                    <a:pt x="1082" y="759"/>
                    <a:pt x="1187" y="776"/>
                  </a:cubicBezTo>
                  <a:cubicBezTo>
                    <a:pt x="1294" y="792"/>
                    <a:pt x="1393" y="807"/>
                    <a:pt x="1478" y="821"/>
                  </a:cubicBezTo>
                  <a:cubicBezTo>
                    <a:pt x="1647" y="851"/>
                    <a:pt x="1762" y="853"/>
                    <a:pt x="1762" y="853"/>
                  </a:cubicBezTo>
                  <a:lnTo>
                    <a:pt x="1796" y="428"/>
                  </a:lnTo>
                  <a:cubicBezTo>
                    <a:pt x="1796" y="428"/>
                    <a:pt x="1691" y="426"/>
                    <a:pt x="1536" y="398"/>
                  </a:cubicBezTo>
                  <a:cubicBezTo>
                    <a:pt x="1457" y="385"/>
                    <a:pt x="1367" y="372"/>
                    <a:pt x="1269" y="358"/>
                  </a:cubicBezTo>
                  <a:cubicBezTo>
                    <a:pt x="1172" y="342"/>
                    <a:pt x="1072" y="309"/>
                    <a:pt x="969" y="284"/>
                  </a:cubicBezTo>
                  <a:cubicBezTo>
                    <a:pt x="764" y="242"/>
                    <a:pt x="570" y="158"/>
                    <a:pt x="421" y="106"/>
                  </a:cubicBezTo>
                  <a:cubicBezTo>
                    <a:pt x="346" y="82"/>
                    <a:pt x="287" y="54"/>
                    <a:pt x="246" y="33"/>
                  </a:cubicBezTo>
                  <a:cubicBezTo>
                    <a:pt x="204" y="12"/>
                    <a:pt x="181" y="1"/>
                    <a:pt x="181"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8" name="Google Shape;208;p24"/>
            <p:cNvSpPr/>
            <p:nvPr/>
          </p:nvSpPr>
          <p:spPr>
            <a:xfrm>
              <a:off x="634337" y="3953282"/>
              <a:ext cx="94421" cy="90675"/>
            </a:xfrm>
            <a:custGeom>
              <a:avLst/>
              <a:gdLst/>
              <a:ahLst/>
              <a:cxnLst/>
              <a:rect l="l" t="t" r="r" b="b"/>
              <a:pathLst>
                <a:path w="1563" h="1501" extrusionOk="0">
                  <a:moveTo>
                    <a:pt x="341" y="0"/>
                  </a:moveTo>
                  <a:lnTo>
                    <a:pt x="0" y="257"/>
                  </a:lnTo>
                  <a:cubicBezTo>
                    <a:pt x="0" y="257"/>
                    <a:pt x="17" y="280"/>
                    <a:pt x="47" y="320"/>
                  </a:cubicBezTo>
                  <a:cubicBezTo>
                    <a:pt x="79" y="359"/>
                    <a:pt x="116" y="420"/>
                    <a:pt x="175" y="483"/>
                  </a:cubicBezTo>
                  <a:cubicBezTo>
                    <a:pt x="295" y="606"/>
                    <a:pt x="435" y="789"/>
                    <a:pt x="611" y="936"/>
                  </a:cubicBezTo>
                  <a:cubicBezTo>
                    <a:pt x="696" y="1012"/>
                    <a:pt x="780" y="1092"/>
                    <a:pt x="862" y="1160"/>
                  </a:cubicBezTo>
                  <a:cubicBezTo>
                    <a:pt x="947" y="1225"/>
                    <a:pt x="1027" y="1285"/>
                    <a:pt x="1096" y="1336"/>
                  </a:cubicBezTo>
                  <a:cubicBezTo>
                    <a:pt x="1231" y="1442"/>
                    <a:pt x="1330" y="1500"/>
                    <a:pt x="1330" y="1500"/>
                  </a:cubicBezTo>
                  <a:lnTo>
                    <a:pt x="1562" y="1141"/>
                  </a:lnTo>
                  <a:cubicBezTo>
                    <a:pt x="1562" y="1141"/>
                    <a:pt x="1471" y="1090"/>
                    <a:pt x="1347" y="991"/>
                  </a:cubicBezTo>
                  <a:cubicBezTo>
                    <a:pt x="1284" y="944"/>
                    <a:pt x="1210" y="889"/>
                    <a:pt x="1131" y="830"/>
                  </a:cubicBezTo>
                  <a:cubicBezTo>
                    <a:pt x="1056" y="767"/>
                    <a:pt x="980" y="694"/>
                    <a:pt x="902" y="625"/>
                  </a:cubicBezTo>
                  <a:cubicBezTo>
                    <a:pt x="740" y="490"/>
                    <a:pt x="612" y="321"/>
                    <a:pt x="502" y="208"/>
                  </a:cubicBezTo>
                  <a:cubicBezTo>
                    <a:pt x="447" y="151"/>
                    <a:pt x="413" y="93"/>
                    <a:pt x="384" y="58"/>
                  </a:cubicBezTo>
                  <a:cubicBezTo>
                    <a:pt x="357" y="21"/>
                    <a:pt x="341" y="0"/>
                    <a:pt x="341"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9" name="Google Shape;209;p24"/>
            <p:cNvSpPr/>
            <p:nvPr/>
          </p:nvSpPr>
          <p:spPr>
            <a:xfrm>
              <a:off x="574894" y="3823765"/>
              <a:ext cx="57812" cy="108134"/>
            </a:xfrm>
            <a:custGeom>
              <a:avLst/>
              <a:gdLst/>
              <a:ahLst/>
              <a:cxnLst/>
              <a:rect l="l" t="t" r="r" b="b"/>
              <a:pathLst>
                <a:path w="957" h="1790" extrusionOk="0">
                  <a:moveTo>
                    <a:pt x="422" y="0"/>
                  </a:moveTo>
                  <a:lnTo>
                    <a:pt x="0" y="64"/>
                  </a:lnTo>
                  <a:cubicBezTo>
                    <a:pt x="0" y="64"/>
                    <a:pt x="15" y="178"/>
                    <a:pt x="46" y="347"/>
                  </a:cubicBezTo>
                  <a:cubicBezTo>
                    <a:pt x="94" y="511"/>
                    <a:pt x="133" y="738"/>
                    <a:pt x="215" y="952"/>
                  </a:cubicBezTo>
                  <a:cubicBezTo>
                    <a:pt x="255" y="1060"/>
                    <a:pt x="294" y="1167"/>
                    <a:pt x="331" y="1268"/>
                  </a:cubicBezTo>
                  <a:cubicBezTo>
                    <a:pt x="371" y="1367"/>
                    <a:pt x="419" y="1456"/>
                    <a:pt x="455" y="1533"/>
                  </a:cubicBezTo>
                  <a:cubicBezTo>
                    <a:pt x="492" y="1611"/>
                    <a:pt x="523" y="1675"/>
                    <a:pt x="545" y="1720"/>
                  </a:cubicBezTo>
                  <a:cubicBezTo>
                    <a:pt x="566" y="1766"/>
                    <a:pt x="582" y="1790"/>
                    <a:pt x="582" y="1790"/>
                  </a:cubicBezTo>
                  <a:lnTo>
                    <a:pt x="957" y="1583"/>
                  </a:lnTo>
                  <a:cubicBezTo>
                    <a:pt x="957" y="1583"/>
                    <a:pt x="940" y="1562"/>
                    <a:pt x="921" y="1520"/>
                  </a:cubicBezTo>
                  <a:cubicBezTo>
                    <a:pt x="902" y="1479"/>
                    <a:pt x="874" y="1420"/>
                    <a:pt x="840" y="1348"/>
                  </a:cubicBezTo>
                  <a:cubicBezTo>
                    <a:pt x="807" y="1277"/>
                    <a:pt x="762" y="1195"/>
                    <a:pt x="725" y="1104"/>
                  </a:cubicBezTo>
                  <a:cubicBezTo>
                    <a:pt x="692" y="1012"/>
                    <a:pt x="656" y="913"/>
                    <a:pt x="620" y="815"/>
                  </a:cubicBezTo>
                  <a:cubicBezTo>
                    <a:pt x="543" y="618"/>
                    <a:pt x="509" y="410"/>
                    <a:pt x="463" y="259"/>
                  </a:cubicBezTo>
                  <a:cubicBezTo>
                    <a:pt x="436" y="104"/>
                    <a:pt x="422" y="0"/>
                    <a:pt x="422"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0" name="Google Shape;210;p24"/>
            <p:cNvSpPr/>
            <p:nvPr/>
          </p:nvSpPr>
          <p:spPr>
            <a:xfrm>
              <a:off x="570907" y="3675159"/>
              <a:ext cx="42589" cy="108496"/>
            </a:xfrm>
            <a:custGeom>
              <a:avLst/>
              <a:gdLst/>
              <a:ahLst/>
              <a:cxnLst/>
              <a:rect l="l" t="t" r="r" b="b"/>
              <a:pathLst>
                <a:path w="705" h="1796" extrusionOk="0">
                  <a:moveTo>
                    <a:pt x="302" y="0"/>
                  </a:moveTo>
                  <a:lnTo>
                    <a:pt x="275" y="74"/>
                  </a:lnTo>
                  <a:cubicBezTo>
                    <a:pt x="259" y="121"/>
                    <a:pt x="231" y="187"/>
                    <a:pt x="212" y="271"/>
                  </a:cubicBezTo>
                  <a:cubicBezTo>
                    <a:pt x="174" y="438"/>
                    <a:pt x="101" y="657"/>
                    <a:pt x="76" y="885"/>
                  </a:cubicBezTo>
                  <a:cubicBezTo>
                    <a:pt x="59" y="998"/>
                    <a:pt x="43" y="1111"/>
                    <a:pt x="26" y="1217"/>
                  </a:cubicBezTo>
                  <a:cubicBezTo>
                    <a:pt x="21" y="1324"/>
                    <a:pt x="16" y="1425"/>
                    <a:pt x="12" y="1510"/>
                  </a:cubicBezTo>
                  <a:cubicBezTo>
                    <a:pt x="7" y="1596"/>
                    <a:pt x="3" y="1668"/>
                    <a:pt x="1" y="1717"/>
                  </a:cubicBezTo>
                  <a:cubicBezTo>
                    <a:pt x="0" y="1767"/>
                    <a:pt x="3" y="1796"/>
                    <a:pt x="3" y="1796"/>
                  </a:cubicBezTo>
                  <a:lnTo>
                    <a:pt x="430" y="1791"/>
                  </a:lnTo>
                  <a:cubicBezTo>
                    <a:pt x="430" y="1791"/>
                    <a:pt x="427" y="1765"/>
                    <a:pt x="428" y="1718"/>
                  </a:cubicBezTo>
                  <a:cubicBezTo>
                    <a:pt x="430" y="1673"/>
                    <a:pt x="433" y="1607"/>
                    <a:pt x="437" y="1528"/>
                  </a:cubicBezTo>
                  <a:cubicBezTo>
                    <a:pt x="442" y="1449"/>
                    <a:pt x="446" y="1357"/>
                    <a:pt x="451" y="1259"/>
                  </a:cubicBezTo>
                  <a:cubicBezTo>
                    <a:pt x="465" y="1162"/>
                    <a:pt x="481" y="1058"/>
                    <a:pt x="496" y="954"/>
                  </a:cubicBezTo>
                  <a:cubicBezTo>
                    <a:pt x="518" y="744"/>
                    <a:pt x="587" y="545"/>
                    <a:pt x="621" y="391"/>
                  </a:cubicBezTo>
                  <a:cubicBezTo>
                    <a:pt x="638" y="313"/>
                    <a:pt x="664" y="253"/>
                    <a:pt x="679" y="210"/>
                  </a:cubicBezTo>
                  <a:cubicBezTo>
                    <a:pt x="695" y="167"/>
                    <a:pt x="704" y="142"/>
                    <a:pt x="704" y="142"/>
                  </a:cubicBezTo>
                  <a:lnTo>
                    <a:pt x="302"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1" name="Google Shape;211;p24"/>
            <p:cNvSpPr/>
            <p:nvPr/>
          </p:nvSpPr>
          <p:spPr>
            <a:xfrm>
              <a:off x="606670" y="3547515"/>
              <a:ext cx="84695" cy="99012"/>
            </a:xfrm>
            <a:custGeom>
              <a:avLst/>
              <a:gdLst/>
              <a:ahLst/>
              <a:cxnLst/>
              <a:rect l="l" t="t" r="r" b="b"/>
              <a:pathLst>
                <a:path w="1402" h="1639" extrusionOk="0">
                  <a:moveTo>
                    <a:pt x="1114" y="0"/>
                  </a:moveTo>
                  <a:cubicBezTo>
                    <a:pt x="1114" y="0"/>
                    <a:pt x="1026" y="75"/>
                    <a:pt x="905" y="196"/>
                  </a:cubicBezTo>
                  <a:cubicBezTo>
                    <a:pt x="847" y="260"/>
                    <a:pt x="780" y="333"/>
                    <a:pt x="708" y="413"/>
                  </a:cubicBezTo>
                  <a:cubicBezTo>
                    <a:pt x="671" y="453"/>
                    <a:pt x="634" y="493"/>
                    <a:pt x="597" y="536"/>
                  </a:cubicBezTo>
                  <a:cubicBezTo>
                    <a:pt x="563" y="580"/>
                    <a:pt x="529" y="627"/>
                    <a:pt x="495" y="672"/>
                  </a:cubicBezTo>
                  <a:cubicBezTo>
                    <a:pt x="426" y="764"/>
                    <a:pt x="358" y="856"/>
                    <a:pt x="294" y="942"/>
                  </a:cubicBezTo>
                  <a:cubicBezTo>
                    <a:pt x="238" y="1034"/>
                    <a:pt x="186" y="1119"/>
                    <a:pt x="141" y="1192"/>
                  </a:cubicBezTo>
                  <a:cubicBezTo>
                    <a:pt x="97" y="1266"/>
                    <a:pt x="61" y="1328"/>
                    <a:pt x="35" y="1370"/>
                  </a:cubicBezTo>
                  <a:cubicBezTo>
                    <a:pt x="13" y="1415"/>
                    <a:pt x="1" y="1441"/>
                    <a:pt x="1" y="1441"/>
                  </a:cubicBezTo>
                  <a:lnTo>
                    <a:pt x="378" y="1639"/>
                  </a:lnTo>
                  <a:cubicBezTo>
                    <a:pt x="378" y="1639"/>
                    <a:pt x="389" y="1615"/>
                    <a:pt x="410" y="1574"/>
                  </a:cubicBezTo>
                  <a:cubicBezTo>
                    <a:pt x="434" y="1534"/>
                    <a:pt x="468" y="1477"/>
                    <a:pt x="508" y="1410"/>
                  </a:cubicBezTo>
                  <a:cubicBezTo>
                    <a:pt x="549" y="1343"/>
                    <a:pt x="597" y="1265"/>
                    <a:pt x="648" y="1180"/>
                  </a:cubicBezTo>
                  <a:cubicBezTo>
                    <a:pt x="707" y="1101"/>
                    <a:pt x="770" y="1017"/>
                    <a:pt x="833" y="933"/>
                  </a:cubicBezTo>
                  <a:cubicBezTo>
                    <a:pt x="864" y="890"/>
                    <a:pt x="895" y="849"/>
                    <a:pt x="926" y="807"/>
                  </a:cubicBezTo>
                  <a:cubicBezTo>
                    <a:pt x="961" y="768"/>
                    <a:pt x="995" y="731"/>
                    <a:pt x="1028" y="695"/>
                  </a:cubicBezTo>
                  <a:cubicBezTo>
                    <a:pt x="1094" y="622"/>
                    <a:pt x="1156" y="553"/>
                    <a:pt x="1209" y="495"/>
                  </a:cubicBezTo>
                  <a:cubicBezTo>
                    <a:pt x="1321" y="384"/>
                    <a:pt x="1401" y="317"/>
                    <a:pt x="1401" y="317"/>
                  </a:cubicBezTo>
                  <a:lnTo>
                    <a:pt x="1114"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2" name="Google Shape;212;p24"/>
            <p:cNvSpPr/>
            <p:nvPr/>
          </p:nvSpPr>
          <p:spPr>
            <a:xfrm>
              <a:off x="708398" y="3475145"/>
              <a:ext cx="106865" cy="66089"/>
            </a:xfrm>
            <a:custGeom>
              <a:avLst/>
              <a:gdLst/>
              <a:ahLst/>
              <a:cxnLst/>
              <a:rect l="l" t="t" r="r" b="b"/>
              <a:pathLst>
                <a:path w="1769" h="1094" extrusionOk="0">
                  <a:moveTo>
                    <a:pt x="1664" y="0"/>
                  </a:moveTo>
                  <a:cubicBezTo>
                    <a:pt x="1664" y="0"/>
                    <a:pt x="1553" y="28"/>
                    <a:pt x="1387" y="72"/>
                  </a:cubicBezTo>
                  <a:cubicBezTo>
                    <a:pt x="1227" y="134"/>
                    <a:pt x="1006" y="199"/>
                    <a:pt x="799" y="298"/>
                  </a:cubicBezTo>
                  <a:cubicBezTo>
                    <a:pt x="697" y="348"/>
                    <a:pt x="594" y="397"/>
                    <a:pt x="497" y="444"/>
                  </a:cubicBezTo>
                  <a:cubicBezTo>
                    <a:pt x="400" y="490"/>
                    <a:pt x="319" y="548"/>
                    <a:pt x="244" y="592"/>
                  </a:cubicBezTo>
                  <a:cubicBezTo>
                    <a:pt x="171" y="636"/>
                    <a:pt x="110" y="673"/>
                    <a:pt x="67" y="699"/>
                  </a:cubicBezTo>
                  <a:cubicBezTo>
                    <a:pt x="23" y="724"/>
                    <a:pt x="0" y="741"/>
                    <a:pt x="0" y="741"/>
                  </a:cubicBezTo>
                  <a:lnTo>
                    <a:pt x="241" y="1094"/>
                  </a:lnTo>
                  <a:cubicBezTo>
                    <a:pt x="241" y="1094"/>
                    <a:pt x="262" y="1078"/>
                    <a:pt x="302" y="1055"/>
                  </a:cubicBezTo>
                  <a:cubicBezTo>
                    <a:pt x="342" y="1031"/>
                    <a:pt x="397" y="997"/>
                    <a:pt x="465" y="956"/>
                  </a:cubicBezTo>
                  <a:cubicBezTo>
                    <a:pt x="533" y="917"/>
                    <a:pt x="608" y="863"/>
                    <a:pt x="697" y="820"/>
                  </a:cubicBezTo>
                  <a:cubicBezTo>
                    <a:pt x="786" y="778"/>
                    <a:pt x="880" y="732"/>
                    <a:pt x="975" y="687"/>
                  </a:cubicBezTo>
                  <a:cubicBezTo>
                    <a:pt x="1164" y="595"/>
                    <a:pt x="1367" y="537"/>
                    <a:pt x="1514" y="479"/>
                  </a:cubicBezTo>
                  <a:cubicBezTo>
                    <a:pt x="1666" y="440"/>
                    <a:pt x="1768" y="414"/>
                    <a:pt x="1768" y="414"/>
                  </a:cubicBezTo>
                  <a:lnTo>
                    <a:pt x="1664"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3" name="Google Shape;213;p24"/>
            <p:cNvSpPr/>
            <p:nvPr/>
          </p:nvSpPr>
          <p:spPr>
            <a:xfrm>
              <a:off x="852353" y="3465359"/>
              <a:ext cx="107409" cy="27426"/>
            </a:xfrm>
            <a:custGeom>
              <a:avLst/>
              <a:gdLst/>
              <a:ahLst/>
              <a:cxnLst/>
              <a:rect l="l" t="t" r="r" b="b"/>
              <a:pathLst>
                <a:path w="1778" h="454" extrusionOk="0">
                  <a:moveTo>
                    <a:pt x="577" y="0"/>
                  </a:moveTo>
                  <a:cubicBezTo>
                    <a:pt x="470" y="5"/>
                    <a:pt x="371" y="9"/>
                    <a:pt x="285" y="13"/>
                  </a:cubicBezTo>
                  <a:cubicBezTo>
                    <a:pt x="200" y="18"/>
                    <a:pt x="128" y="21"/>
                    <a:pt x="79" y="24"/>
                  </a:cubicBezTo>
                  <a:cubicBezTo>
                    <a:pt x="29" y="26"/>
                    <a:pt x="0" y="29"/>
                    <a:pt x="0" y="29"/>
                  </a:cubicBezTo>
                  <a:lnTo>
                    <a:pt x="45" y="454"/>
                  </a:lnTo>
                  <a:cubicBezTo>
                    <a:pt x="45" y="454"/>
                    <a:pt x="70" y="450"/>
                    <a:pt x="117" y="449"/>
                  </a:cubicBezTo>
                  <a:cubicBezTo>
                    <a:pt x="162" y="447"/>
                    <a:pt x="228" y="442"/>
                    <a:pt x="307" y="439"/>
                  </a:cubicBezTo>
                  <a:cubicBezTo>
                    <a:pt x="387" y="435"/>
                    <a:pt x="479" y="431"/>
                    <a:pt x="578" y="427"/>
                  </a:cubicBezTo>
                  <a:lnTo>
                    <a:pt x="1778" y="427"/>
                  </a:lnTo>
                  <a:lnTo>
                    <a:pt x="1778"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4" name="Google Shape;214;p24"/>
            <p:cNvSpPr/>
            <p:nvPr/>
          </p:nvSpPr>
          <p:spPr>
            <a:xfrm>
              <a:off x="1002107" y="3465359"/>
              <a:ext cx="106201" cy="25795"/>
            </a:xfrm>
            <a:custGeom>
              <a:avLst/>
              <a:gdLst/>
              <a:ahLst/>
              <a:cxnLst/>
              <a:rect l="l" t="t" r="r" b="b"/>
              <a:pathLst>
                <a:path w="1758" h="427"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5" name="Google Shape;215;p24"/>
            <p:cNvSpPr/>
            <p:nvPr/>
          </p:nvSpPr>
          <p:spPr>
            <a:xfrm>
              <a:off x="1150592" y="3465359"/>
              <a:ext cx="106201" cy="25795"/>
            </a:xfrm>
            <a:custGeom>
              <a:avLst/>
              <a:gdLst/>
              <a:ahLst/>
              <a:cxnLst/>
              <a:rect l="l" t="t" r="r" b="b"/>
              <a:pathLst>
                <a:path w="1758" h="427"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6" name="Google Shape;216;p24"/>
            <p:cNvSpPr/>
            <p:nvPr/>
          </p:nvSpPr>
          <p:spPr>
            <a:xfrm>
              <a:off x="1299198" y="3465359"/>
              <a:ext cx="106080" cy="25795"/>
            </a:xfrm>
            <a:custGeom>
              <a:avLst/>
              <a:gdLst/>
              <a:ahLst/>
              <a:cxnLst/>
              <a:rect l="l" t="t" r="r" b="b"/>
              <a:pathLst>
                <a:path w="1756" h="427" extrusionOk="0">
                  <a:moveTo>
                    <a:pt x="0" y="0"/>
                  </a:moveTo>
                  <a:lnTo>
                    <a:pt x="0" y="427"/>
                  </a:lnTo>
                  <a:lnTo>
                    <a:pt x="1755" y="427"/>
                  </a:lnTo>
                  <a:lnTo>
                    <a:pt x="1755"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7" name="Google Shape;217;p24"/>
            <p:cNvSpPr/>
            <p:nvPr/>
          </p:nvSpPr>
          <p:spPr>
            <a:xfrm>
              <a:off x="1447683" y="3465359"/>
              <a:ext cx="106140" cy="25795"/>
            </a:xfrm>
            <a:custGeom>
              <a:avLst/>
              <a:gdLst/>
              <a:ahLst/>
              <a:cxnLst/>
              <a:rect l="l" t="t" r="r" b="b"/>
              <a:pathLst>
                <a:path w="1757" h="427"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8" name="Google Shape;218;p24"/>
            <p:cNvSpPr/>
            <p:nvPr/>
          </p:nvSpPr>
          <p:spPr>
            <a:xfrm>
              <a:off x="1596168" y="3465359"/>
              <a:ext cx="106140" cy="25795"/>
            </a:xfrm>
            <a:custGeom>
              <a:avLst/>
              <a:gdLst/>
              <a:ahLst/>
              <a:cxnLst/>
              <a:rect l="l" t="t" r="r" b="b"/>
              <a:pathLst>
                <a:path w="1757" h="427"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9" name="Google Shape;219;p24"/>
            <p:cNvSpPr/>
            <p:nvPr/>
          </p:nvSpPr>
          <p:spPr>
            <a:xfrm>
              <a:off x="1744654" y="3465359"/>
              <a:ext cx="106140" cy="25795"/>
            </a:xfrm>
            <a:custGeom>
              <a:avLst/>
              <a:gdLst/>
              <a:ahLst/>
              <a:cxnLst/>
              <a:rect l="l" t="t" r="r" b="b"/>
              <a:pathLst>
                <a:path w="1757" h="427" extrusionOk="0">
                  <a:moveTo>
                    <a:pt x="0" y="0"/>
                  </a:moveTo>
                  <a:lnTo>
                    <a:pt x="0"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0" name="Google Shape;220;p24"/>
            <p:cNvSpPr/>
            <p:nvPr/>
          </p:nvSpPr>
          <p:spPr>
            <a:xfrm>
              <a:off x="1893139" y="3465359"/>
              <a:ext cx="106140" cy="25795"/>
            </a:xfrm>
            <a:custGeom>
              <a:avLst/>
              <a:gdLst/>
              <a:ahLst/>
              <a:cxnLst/>
              <a:rect l="l" t="t" r="r" b="b"/>
              <a:pathLst>
                <a:path w="1757" h="427" extrusionOk="0">
                  <a:moveTo>
                    <a:pt x="0" y="0"/>
                  </a:moveTo>
                  <a:lnTo>
                    <a:pt x="0"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1" name="Google Shape;221;p24"/>
            <p:cNvSpPr/>
            <p:nvPr/>
          </p:nvSpPr>
          <p:spPr>
            <a:xfrm>
              <a:off x="2041624" y="3465359"/>
              <a:ext cx="106140" cy="25795"/>
            </a:xfrm>
            <a:custGeom>
              <a:avLst/>
              <a:gdLst/>
              <a:ahLst/>
              <a:cxnLst/>
              <a:rect l="l" t="t" r="r" b="b"/>
              <a:pathLst>
                <a:path w="1757" h="427"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2" name="Google Shape;222;p24"/>
            <p:cNvSpPr/>
            <p:nvPr/>
          </p:nvSpPr>
          <p:spPr>
            <a:xfrm>
              <a:off x="2190170" y="3465359"/>
              <a:ext cx="106080" cy="25795"/>
            </a:xfrm>
            <a:custGeom>
              <a:avLst/>
              <a:gdLst/>
              <a:ahLst/>
              <a:cxnLst/>
              <a:rect l="l" t="t" r="r" b="b"/>
              <a:pathLst>
                <a:path w="1756" h="427" extrusionOk="0">
                  <a:moveTo>
                    <a:pt x="1" y="0"/>
                  </a:moveTo>
                  <a:lnTo>
                    <a:pt x="1"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3" name="Google Shape;223;p24"/>
            <p:cNvSpPr/>
            <p:nvPr/>
          </p:nvSpPr>
          <p:spPr>
            <a:xfrm>
              <a:off x="2338655" y="3465359"/>
              <a:ext cx="106080" cy="25795"/>
            </a:xfrm>
            <a:custGeom>
              <a:avLst/>
              <a:gdLst/>
              <a:ahLst/>
              <a:cxnLst/>
              <a:rect l="l" t="t" r="r" b="b"/>
              <a:pathLst>
                <a:path w="1756" h="427" extrusionOk="0">
                  <a:moveTo>
                    <a:pt x="1" y="0"/>
                  </a:moveTo>
                  <a:lnTo>
                    <a:pt x="1"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4" name="Google Shape;224;p24"/>
            <p:cNvSpPr/>
            <p:nvPr/>
          </p:nvSpPr>
          <p:spPr>
            <a:xfrm>
              <a:off x="2487140" y="3465359"/>
              <a:ext cx="106201" cy="25795"/>
            </a:xfrm>
            <a:custGeom>
              <a:avLst/>
              <a:gdLst/>
              <a:ahLst/>
              <a:cxnLst/>
              <a:rect l="l" t="t" r="r" b="b"/>
              <a:pathLst>
                <a:path w="1758" h="427"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5" name="Google Shape;225;p24"/>
            <p:cNvSpPr/>
            <p:nvPr/>
          </p:nvSpPr>
          <p:spPr>
            <a:xfrm>
              <a:off x="2635626" y="3465359"/>
              <a:ext cx="106201" cy="25795"/>
            </a:xfrm>
            <a:custGeom>
              <a:avLst/>
              <a:gdLst/>
              <a:ahLst/>
              <a:cxnLst/>
              <a:rect l="l" t="t" r="r" b="b"/>
              <a:pathLst>
                <a:path w="1758" h="427" extrusionOk="0">
                  <a:moveTo>
                    <a:pt x="1" y="0"/>
                  </a:moveTo>
                  <a:lnTo>
                    <a:pt x="1" y="427"/>
                  </a:lnTo>
                  <a:lnTo>
                    <a:pt x="1757" y="427"/>
                  </a:lnTo>
                  <a:lnTo>
                    <a:pt x="1757"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6" name="Google Shape;226;p24"/>
            <p:cNvSpPr/>
            <p:nvPr/>
          </p:nvSpPr>
          <p:spPr>
            <a:xfrm>
              <a:off x="2784171" y="3465359"/>
              <a:ext cx="106140" cy="25795"/>
            </a:xfrm>
            <a:custGeom>
              <a:avLst/>
              <a:gdLst/>
              <a:ahLst/>
              <a:cxnLst/>
              <a:rect l="l" t="t" r="r" b="b"/>
              <a:pathLst>
                <a:path w="1757" h="427"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7" name="Google Shape;227;p24"/>
            <p:cNvSpPr/>
            <p:nvPr/>
          </p:nvSpPr>
          <p:spPr>
            <a:xfrm>
              <a:off x="2932656" y="3465359"/>
              <a:ext cx="106140" cy="25795"/>
            </a:xfrm>
            <a:custGeom>
              <a:avLst/>
              <a:gdLst/>
              <a:ahLst/>
              <a:cxnLst/>
              <a:rect l="l" t="t" r="r" b="b"/>
              <a:pathLst>
                <a:path w="1757" h="427" extrusionOk="0">
                  <a:moveTo>
                    <a:pt x="0" y="0"/>
                  </a:moveTo>
                  <a:lnTo>
                    <a:pt x="0" y="427"/>
                  </a:lnTo>
                  <a:lnTo>
                    <a:pt x="1756" y="427"/>
                  </a:lnTo>
                  <a:lnTo>
                    <a:pt x="1756"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8" name="Google Shape;228;p24"/>
            <p:cNvSpPr/>
            <p:nvPr/>
          </p:nvSpPr>
          <p:spPr>
            <a:xfrm>
              <a:off x="3081202" y="3465359"/>
              <a:ext cx="108134" cy="30990"/>
            </a:xfrm>
            <a:custGeom>
              <a:avLst/>
              <a:gdLst/>
              <a:ahLst/>
              <a:cxnLst/>
              <a:rect l="l" t="t" r="r" b="b"/>
              <a:pathLst>
                <a:path w="1790" h="513" extrusionOk="0">
                  <a:moveTo>
                    <a:pt x="0" y="0"/>
                  </a:moveTo>
                  <a:lnTo>
                    <a:pt x="0" y="427"/>
                  </a:lnTo>
                  <a:cubicBezTo>
                    <a:pt x="0" y="427"/>
                    <a:pt x="438" y="428"/>
                    <a:pt x="875" y="430"/>
                  </a:cubicBezTo>
                  <a:cubicBezTo>
                    <a:pt x="1085" y="444"/>
                    <a:pt x="1297" y="439"/>
                    <a:pt x="1451" y="473"/>
                  </a:cubicBezTo>
                  <a:cubicBezTo>
                    <a:pt x="1607" y="497"/>
                    <a:pt x="1711" y="513"/>
                    <a:pt x="1711" y="513"/>
                  </a:cubicBezTo>
                  <a:lnTo>
                    <a:pt x="1790" y="94"/>
                  </a:lnTo>
                  <a:cubicBezTo>
                    <a:pt x="1790" y="94"/>
                    <a:pt x="1677" y="76"/>
                    <a:pt x="1507" y="51"/>
                  </a:cubicBezTo>
                  <a:cubicBezTo>
                    <a:pt x="1338" y="14"/>
                    <a:pt x="1108" y="19"/>
                    <a:pt x="880" y="3"/>
                  </a:cubicBezTo>
                  <a:cubicBezTo>
                    <a:pt x="440" y="2"/>
                    <a:pt x="0" y="0"/>
                    <a:pt x="0"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9" name="Google Shape;229;p24"/>
            <p:cNvSpPr/>
            <p:nvPr/>
          </p:nvSpPr>
          <p:spPr>
            <a:xfrm>
              <a:off x="3223707" y="3482334"/>
              <a:ext cx="104751" cy="73096"/>
            </a:xfrm>
            <a:custGeom>
              <a:avLst/>
              <a:gdLst/>
              <a:ahLst/>
              <a:cxnLst/>
              <a:rect l="l" t="t" r="r" b="b"/>
              <a:pathLst>
                <a:path w="1734" h="1210" extrusionOk="0">
                  <a:moveTo>
                    <a:pt x="138" y="0"/>
                  </a:moveTo>
                  <a:lnTo>
                    <a:pt x="0" y="404"/>
                  </a:lnTo>
                  <a:cubicBezTo>
                    <a:pt x="0" y="404"/>
                    <a:pt x="99" y="439"/>
                    <a:pt x="247" y="494"/>
                  </a:cubicBezTo>
                  <a:cubicBezTo>
                    <a:pt x="394" y="549"/>
                    <a:pt x="581" y="647"/>
                    <a:pt x="769" y="740"/>
                  </a:cubicBezTo>
                  <a:cubicBezTo>
                    <a:pt x="946" y="853"/>
                    <a:pt x="1133" y="950"/>
                    <a:pt x="1254" y="1052"/>
                  </a:cubicBezTo>
                  <a:cubicBezTo>
                    <a:pt x="1380" y="1147"/>
                    <a:pt x="1465" y="1210"/>
                    <a:pt x="1465" y="1210"/>
                  </a:cubicBezTo>
                  <a:lnTo>
                    <a:pt x="1734" y="879"/>
                  </a:lnTo>
                  <a:cubicBezTo>
                    <a:pt x="1734" y="879"/>
                    <a:pt x="1642" y="810"/>
                    <a:pt x="1504" y="707"/>
                  </a:cubicBezTo>
                  <a:cubicBezTo>
                    <a:pt x="1372" y="597"/>
                    <a:pt x="1169" y="489"/>
                    <a:pt x="975" y="367"/>
                  </a:cubicBezTo>
                  <a:cubicBezTo>
                    <a:pt x="771" y="265"/>
                    <a:pt x="567" y="159"/>
                    <a:pt x="406" y="98"/>
                  </a:cubicBezTo>
                  <a:cubicBezTo>
                    <a:pt x="245" y="39"/>
                    <a:pt x="138" y="0"/>
                    <a:pt x="138"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0" name="Google Shape;230;p24"/>
            <p:cNvSpPr/>
            <p:nvPr/>
          </p:nvSpPr>
          <p:spPr>
            <a:xfrm>
              <a:off x="3341685" y="3565638"/>
              <a:ext cx="79016" cy="102214"/>
            </a:xfrm>
            <a:custGeom>
              <a:avLst/>
              <a:gdLst/>
              <a:ahLst/>
              <a:cxnLst/>
              <a:rect l="l" t="t" r="r" b="b"/>
              <a:pathLst>
                <a:path w="1308" h="1692" extrusionOk="0">
                  <a:moveTo>
                    <a:pt x="313" y="0"/>
                  </a:moveTo>
                  <a:lnTo>
                    <a:pt x="1" y="292"/>
                  </a:lnTo>
                  <a:cubicBezTo>
                    <a:pt x="1" y="292"/>
                    <a:pt x="71" y="369"/>
                    <a:pt x="178" y="486"/>
                  </a:cubicBezTo>
                  <a:cubicBezTo>
                    <a:pt x="273" y="611"/>
                    <a:pt x="406" y="774"/>
                    <a:pt x="519" y="951"/>
                  </a:cubicBezTo>
                  <a:cubicBezTo>
                    <a:pt x="628" y="1131"/>
                    <a:pt x="740" y="1309"/>
                    <a:pt x="801" y="1454"/>
                  </a:cubicBezTo>
                  <a:cubicBezTo>
                    <a:pt x="869" y="1597"/>
                    <a:pt x="915" y="1691"/>
                    <a:pt x="915" y="1691"/>
                  </a:cubicBezTo>
                  <a:lnTo>
                    <a:pt x="1307" y="1526"/>
                  </a:lnTo>
                  <a:cubicBezTo>
                    <a:pt x="1307" y="1526"/>
                    <a:pt x="1258" y="1422"/>
                    <a:pt x="1184" y="1267"/>
                  </a:cubicBezTo>
                  <a:cubicBezTo>
                    <a:pt x="1116" y="1109"/>
                    <a:pt x="996" y="914"/>
                    <a:pt x="876" y="720"/>
                  </a:cubicBezTo>
                  <a:cubicBezTo>
                    <a:pt x="753" y="526"/>
                    <a:pt x="609" y="348"/>
                    <a:pt x="505" y="212"/>
                  </a:cubicBezTo>
                  <a:cubicBezTo>
                    <a:pt x="389" y="85"/>
                    <a:pt x="313" y="0"/>
                    <a:pt x="313"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1" name="Google Shape;231;p24"/>
            <p:cNvSpPr/>
            <p:nvPr/>
          </p:nvSpPr>
          <p:spPr>
            <a:xfrm>
              <a:off x="3409646" y="3699746"/>
              <a:ext cx="36125" cy="109644"/>
            </a:xfrm>
            <a:custGeom>
              <a:avLst/>
              <a:gdLst/>
              <a:ahLst/>
              <a:cxnLst/>
              <a:rect l="l" t="t" r="r" b="b"/>
              <a:pathLst>
                <a:path w="598" h="1815" extrusionOk="0">
                  <a:moveTo>
                    <a:pt x="413" y="0"/>
                  </a:moveTo>
                  <a:lnTo>
                    <a:pt x="0" y="109"/>
                  </a:lnTo>
                  <a:cubicBezTo>
                    <a:pt x="0" y="109"/>
                    <a:pt x="26" y="210"/>
                    <a:pt x="67" y="363"/>
                  </a:cubicBezTo>
                  <a:cubicBezTo>
                    <a:pt x="85" y="519"/>
                    <a:pt x="132" y="725"/>
                    <a:pt x="143" y="935"/>
                  </a:cubicBezTo>
                  <a:cubicBezTo>
                    <a:pt x="153" y="1146"/>
                    <a:pt x="171" y="1356"/>
                    <a:pt x="153" y="1513"/>
                  </a:cubicBezTo>
                  <a:cubicBezTo>
                    <a:pt x="146" y="1670"/>
                    <a:pt x="141" y="1775"/>
                    <a:pt x="141" y="1775"/>
                  </a:cubicBezTo>
                  <a:lnTo>
                    <a:pt x="566" y="1815"/>
                  </a:lnTo>
                  <a:cubicBezTo>
                    <a:pt x="566" y="1815"/>
                    <a:pt x="571" y="1701"/>
                    <a:pt x="580" y="1529"/>
                  </a:cubicBezTo>
                  <a:cubicBezTo>
                    <a:pt x="598" y="1358"/>
                    <a:pt x="580" y="1129"/>
                    <a:pt x="569" y="901"/>
                  </a:cubicBezTo>
                  <a:cubicBezTo>
                    <a:pt x="556" y="672"/>
                    <a:pt x="506" y="448"/>
                    <a:pt x="484" y="277"/>
                  </a:cubicBezTo>
                  <a:cubicBezTo>
                    <a:pt x="442" y="111"/>
                    <a:pt x="413" y="0"/>
                    <a:pt x="413"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2" name="Google Shape;232;p24"/>
            <p:cNvSpPr/>
            <p:nvPr/>
          </p:nvSpPr>
          <p:spPr>
            <a:xfrm>
              <a:off x="3371225" y="3846902"/>
              <a:ext cx="65243" cy="107047"/>
            </a:xfrm>
            <a:custGeom>
              <a:avLst/>
              <a:gdLst/>
              <a:ahLst/>
              <a:cxnLst/>
              <a:rect l="l" t="t" r="r" b="b"/>
              <a:pathLst>
                <a:path w="1080" h="1772" extrusionOk="0">
                  <a:moveTo>
                    <a:pt x="664" y="1"/>
                  </a:moveTo>
                  <a:cubicBezTo>
                    <a:pt x="664" y="1"/>
                    <a:pt x="638" y="103"/>
                    <a:pt x="599" y="255"/>
                  </a:cubicBezTo>
                  <a:cubicBezTo>
                    <a:pt x="555" y="406"/>
                    <a:pt x="480" y="603"/>
                    <a:pt x="402" y="798"/>
                  </a:cubicBezTo>
                  <a:cubicBezTo>
                    <a:pt x="308" y="986"/>
                    <a:pt x="227" y="1180"/>
                    <a:pt x="137" y="1311"/>
                  </a:cubicBezTo>
                  <a:cubicBezTo>
                    <a:pt x="56" y="1445"/>
                    <a:pt x="1" y="1535"/>
                    <a:pt x="1" y="1535"/>
                  </a:cubicBezTo>
                  <a:lnTo>
                    <a:pt x="356" y="1772"/>
                  </a:lnTo>
                  <a:cubicBezTo>
                    <a:pt x="356" y="1772"/>
                    <a:pt x="415" y="1673"/>
                    <a:pt x="504" y="1527"/>
                  </a:cubicBezTo>
                  <a:cubicBezTo>
                    <a:pt x="601" y="1384"/>
                    <a:pt x="692" y="1173"/>
                    <a:pt x="793" y="968"/>
                  </a:cubicBezTo>
                  <a:cubicBezTo>
                    <a:pt x="879" y="756"/>
                    <a:pt x="959" y="541"/>
                    <a:pt x="1009" y="377"/>
                  </a:cubicBezTo>
                  <a:cubicBezTo>
                    <a:pt x="1051" y="211"/>
                    <a:pt x="1080" y="100"/>
                    <a:pt x="1080" y="100"/>
                  </a:cubicBezTo>
                  <a:lnTo>
                    <a:pt x="66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3" name="Google Shape;233;p24"/>
            <p:cNvSpPr/>
            <p:nvPr/>
          </p:nvSpPr>
          <p:spPr>
            <a:xfrm>
              <a:off x="3267201" y="3971586"/>
              <a:ext cx="98347" cy="85601"/>
            </a:xfrm>
            <a:custGeom>
              <a:avLst/>
              <a:gdLst/>
              <a:ahLst/>
              <a:cxnLst/>
              <a:rect l="l" t="t" r="r" b="b"/>
              <a:pathLst>
                <a:path w="1628" h="1417" extrusionOk="0">
                  <a:moveTo>
                    <a:pt x="1309" y="0"/>
                  </a:moveTo>
                  <a:cubicBezTo>
                    <a:pt x="1309" y="0"/>
                    <a:pt x="1239" y="79"/>
                    <a:pt x="1132" y="195"/>
                  </a:cubicBezTo>
                  <a:cubicBezTo>
                    <a:pt x="1016" y="300"/>
                    <a:pt x="868" y="451"/>
                    <a:pt x="700" y="577"/>
                  </a:cubicBezTo>
                  <a:cubicBezTo>
                    <a:pt x="616" y="640"/>
                    <a:pt x="532" y="703"/>
                    <a:pt x="453" y="762"/>
                  </a:cubicBezTo>
                  <a:cubicBezTo>
                    <a:pt x="375" y="821"/>
                    <a:pt x="292" y="863"/>
                    <a:pt x="226" y="906"/>
                  </a:cubicBezTo>
                  <a:cubicBezTo>
                    <a:pt x="159" y="947"/>
                    <a:pt x="102" y="981"/>
                    <a:pt x="63" y="1005"/>
                  </a:cubicBezTo>
                  <a:cubicBezTo>
                    <a:pt x="24" y="1030"/>
                    <a:pt x="1" y="1041"/>
                    <a:pt x="1" y="1041"/>
                  </a:cubicBezTo>
                  <a:lnTo>
                    <a:pt x="202" y="1416"/>
                  </a:lnTo>
                  <a:cubicBezTo>
                    <a:pt x="202" y="1416"/>
                    <a:pt x="228" y="1404"/>
                    <a:pt x="270" y="1377"/>
                  </a:cubicBezTo>
                  <a:cubicBezTo>
                    <a:pt x="314" y="1351"/>
                    <a:pt x="375" y="1314"/>
                    <a:pt x="448" y="1269"/>
                  </a:cubicBezTo>
                  <a:cubicBezTo>
                    <a:pt x="520" y="1223"/>
                    <a:pt x="609" y="1177"/>
                    <a:pt x="695" y="1113"/>
                  </a:cubicBezTo>
                  <a:cubicBezTo>
                    <a:pt x="781" y="1049"/>
                    <a:pt x="873" y="980"/>
                    <a:pt x="965" y="912"/>
                  </a:cubicBezTo>
                  <a:cubicBezTo>
                    <a:pt x="1147" y="773"/>
                    <a:pt x="1308" y="610"/>
                    <a:pt x="1435" y="495"/>
                  </a:cubicBezTo>
                  <a:cubicBezTo>
                    <a:pt x="1551" y="368"/>
                    <a:pt x="1628" y="284"/>
                    <a:pt x="1628" y="284"/>
                  </a:cubicBezTo>
                  <a:lnTo>
                    <a:pt x="1309"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4" name="Google Shape;234;p24"/>
            <p:cNvSpPr/>
            <p:nvPr/>
          </p:nvSpPr>
          <p:spPr>
            <a:xfrm>
              <a:off x="3130677" y="4050782"/>
              <a:ext cx="108315" cy="43797"/>
            </a:xfrm>
            <a:custGeom>
              <a:avLst/>
              <a:gdLst/>
              <a:ahLst/>
              <a:cxnLst/>
              <a:rect l="l" t="t" r="r" b="b"/>
              <a:pathLst>
                <a:path w="1793" h="725" extrusionOk="0">
                  <a:moveTo>
                    <a:pt x="1646" y="1"/>
                  </a:moveTo>
                  <a:cubicBezTo>
                    <a:pt x="1646" y="1"/>
                    <a:pt x="1548" y="39"/>
                    <a:pt x="1399" y="89"/>
                  </a:cubicBezTo>
                  <a:cubicBezTo>
                    <a:pt x="1244" y="122"/>
                    <a:pt x="1045" y="193"/>
                    <a:pt x="836" y="220"/>
                  </a:cubicBezTo>
                  <a:cubicBezTo>
                    <a:pt x="733" y="235"/>
                    <a:pt x="628" y="251"/>
                    <a:pt x="531" y="266"/>
                  </a:cubicBezTo>
                  <a:cubicBezTo>
                    <a:pt x="434" y="280"/>
                    <a:pt x="341" y="278"/>
                    <a:pt x="262" y="284"/>
                  </a:cubicBezTo>
                  <a:cubicBezTo>
                    <a:pt x="105" y="292"/>
                    <a:pt x="1" y="297"/>
                    <a:pt x="1" y="297"/>
                  </a:cubicBezTo>
                  <a:lnTo>
                    <a:pt x="1" y="724"/>
                  </a:lnTo>
                  <a:lnTo>
                    <a:pt x="286" y="710"/>
                  </a:lnTo>
                  <a:cubicBezTo>
                    <a:pt x="372" y="704"/>
                    <a:pt x="472" y="705"/>
                    <a:pt x="579" y="690"/>
                  </a:cubicBezTo>
                  <a:cubicBezTo>
                    <a:pt x="684" y="674"/>
                    <a:pt x="798" y="657"/>
                    <a:pt x="911" y="640"/>
                  </a:cubicBezTo>
                  <a:cubicBezTo>
                    <a:pt x="1138" y="610"/>
                    <a:pt x="1356" y="533"/>
                    <a:pt x="1524" y="496"/>
                  </a:cubicBezTo>
                  <a:cubicBezTo>
                    <a:pt x="1686" y="442"/>
                    <a:pt x="1792" y="401"/>
                    <a:pt x="1792" y="401"/>
                  </a:cubicBezTo>
                  <a:lnTo>
                    <a:pt x="1646"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5" name="Google Shape;235;p24"/>
            <p:cNvSpPr/>
            <p:nvPr/>
          </p:nvSpPr>
          <p:spPr>
            <a:xfrm>
              <a:off x="612227" y="3495080"/>
              <a:ext cx="2791727" cy="569787"/>
            </a:xfrm>
            <a:custGeom>
              <a:avLst/>
              <a:gdLst/>
              <a:ahLst/>
              <a:cxnLst/>
              <a:rect l="l" t="t" r="r" b="b"/>
              <a:pathLst>
                <a:path w="46213" h="9432" extrusionOk="0">
                  <a:moveTo>
                    <a:pt x="4716" y="0"/>
                  </a:moveTo>
                  <a:cubicBezTo>
                    <a:pt x="2111" y="0"/>
                    <a:pt x="1" y="2111"/>
                    <a:pt x="1" y="4716"/>
                  </a:cubicBezTo>
                  <a:cubicBezTo>
                    <a:pt x="1" y="7320"/>
                    <a:pt x="2111" y="9431"/>
                    <a:pt x="4716" y="9431"/>
                  </a:cubicBezTo>
                  <a:lnTo>
                    <a:pt x="41497" y="9431"/>
                  </a:lnTo>
                  <a:cubicBezTo>
                    <a:pt x="44100" y="9431"/>
                    <a:pt x="46212" y="7320"/>
                    <a:pt x="46212" y="4716"/>
                  </a:cubicBezTo>
                  <a:cubicBezTo>
                    <a:pt x="46212" y="2111"/>
                    <a:pt x="44100" y="0"/>
                    <a:pt x="41497"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6" name="Google Shape;236;p24"/>
            <p:cNvSpPr/>
            <p:nvPr/>
          </p:nvSpPr>
          <p:spPr>
            <a:xfrm>
              <a:off x="3016564" y="3655526"/>
              <a:ext cx="274684" cy="244963"/>
            </a:xfrm>
            <a:custGeom>
              <a:avLst/>
              <a:gdLst/>
              <a:ahLst/>
              <a:cxnLst/>
              <a:rect l="l" t="t" r="r" b="b"/>
              <a:pathLst>
                <a:path w="4547" h="4055" extrusionOk="0">
                  <a:moveTo>
                    <a:pt x="2274" y="0"/>
                  </a:moveTo>
                  <a:cubicBezTo>
                    <a:pt x="1419" y="0"/>
                    <a:pt x="625" y="545"/>
                    <a:pt x="347" y="1401"/>
                  </a:cubicBezTo>
                  <a:cubicBezTo>
                    <a:pt x="0" y="2466"/>
                    <a:pt x="583" y="3609"/>
                    <a:pt x="1648" y="3954"/>
                  </a:cubicBezTo>
                  <a:cubicBezTo>
                    <a:pt x="1856" y="4022"/>
                    <a:pt x="2067" y="4054"/>
                    <a:pt x="2275" y="4054"/>
                  </a:cubicBezTo>
                  <a:cubicBezTo>
                    <a:pt x="3129" y="4054"/>
                    <a:pt x="3923" y="3510"/>
                    <a:pt x="4201" y="2653"/>
                  </a:cubicBezTo>
                  <a:cubicBezTo>
                    <a:pt x="4547" y="1588"/>
                    <a:pt x="3965" y="446"/>
                    <a:pt x="2900" y="100"/>
                  </a:cubicBezTo>
                  <a:cubicBezTo>
                    <a:pt x="2692" y="32"/>
                    <a:pt x="2481" y="0"/>
                    <a:pt x="2274"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7" name="Google Shape;237;p24"/>
            <p:cNvSpPr/>
            <p:nvPr/>
          </p:nvSpPr>
          <p:spPr>
            <a:xfrm>
              <a:off x="724830" y="3655526"/>
              <a:ext cx="274684" cy="244963"/>
            </a:xfrm>
            <a:custGeom>
              <a:avLst/>
              <a:gdLst/>
              <a:ahLst/>
              <a:cxnLst/>
              <a:rect l="l" t="t" r="r" b="b"/>
              <a:pathLst>
                <a:path w="4547" h="4055" extrusionOk="0">
                  <a:moveTo>
                    <a:pt x="2273" y="0"/>
                  </a:moveTo>
                  <a:cubicBezTo>
                    <a:pt x="1419" y="0"/>
                    <a:pt x="624" y="545"/>
                    <a:pt x="347" y="1401"/>
                  </a:cubicBezTo>
                  <a:cubicBezTo>
                    <a:pt x="0" y="2466"/>
                    <a:pt x="583" y="3609"/>
                    <a:pt x="1647" y="3954"/>
                  </a:cubicBezTo>
                  <a:cubicBezTo>
                    <a:pt x="1855" y="4022"/>
                    <a:pt x="2066" y="4054"/>
                    <a:pt x="2274" y="4054"/>
                  </a:cubicBezTo>
                  <a:cubicBezTo>
                    <a:pt x="3128" y="4054"/>
                    <a:pt x="3923" y="3510"/>
                    <a:pt x="4201" y="2653"/>
                  </a:cubicBezTo>
                  <a:cubicBezTo>
                    <a:pt x="4546" y="1588"/>
                    <a:pt x="3963" y="446"/>
                    <a:pt x="2900" y="100"/>
                  </a:cubicBezTo>
                  <a:cubicBezTo>
                    <a:pt x="2692" y="32"/>
                    <a:pt x="2481" y="0"/>
                    <a:pt x="2273"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8" name="Google Shape;238;p24"/>
            <p:cNvSpPr/>
            <p:nvPr/>
          </p:nvSpPr>
          <p:spPr>
            <a:xfrm>
              <a:off x="972265" y="3891484"/>
              <a:ext cx="2071580" cy="173377"/>
            </a:xfrm>
            <a:custGeom>
              <a:avLst/>
              <a:gdLst/>
              <a:ahLst/>
              <a:cxnLst/>
              <a:rect l="l" t="t" r="r" b="b"/>
              <a:pathLst>
                <a:path w="34292" h="2870" extrusionOk="0">
                  <a:moveTo>
                    <a:pt x="1" y="1"/>
                  </a:moveTo>
                  <a:lnTo>
                    <a:pt x="1" y="2869"/>
                  </a:lnTo>
                  <a:lnTo>
                    <a:pt x="34291" y="2869"/>
                  </a:lnTo>
                  <a:lnTo>
                    <a:pt x="34291"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9" name="Google Shape;239;p24"/>
            <p:cNvSpPr/>
            <p:nvPr/>
          </p:nvSpPr>
          <p:spPr>
            <a:xfrm>
              <a:off x="1016303" y="3931837"/>
              <a:ext cx="1983562" cy="313588"/>
            </a:xfrm>
            <a:custGeom>
              <a:avLst/>
              <a:gdLst/>
              <a:ahLst/>
              <a:cxnLst/>
              <a:rect l="l" t="t" r="r" b="b"/>
              <a:pathLst>
                <a:path w="32835" h="5191" extrusionOk="0">
                  <a:moveTo>
                    <a:pt x="0" y="1"/>
                  </a:moveTo>
                  <a:lnTo>
                    <a:pt x="0" y="5191"/>
                  </a:lnTo>
                  <a:lnTo>
                    <a:pt x="32834" y="5191"/>
                  </a:lnTo>
                  <a:lnTo>
                    <a:pt x="32834"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0" name="Google Shape;240;p24"/>
            <p:cNvSpPr/>
            <p:nvPr/>
          </p:nvSpPr>
          <p:spPr>
            <a:xfrm>
              <a:off x="1117971" y="4245359"/>
              <a:ext cx="187875" cy="99072"/>
            </a:xfrm>
            <a:custGeom>
              <a:avLst/>
              <a:gdLst/>
              <a:ahLst/>
              <a:cxnLst/>
              <a:rect l="l" t="t" r="r" b="b"/>
              <a:pathLst>
                <a:path w="3110" h="1640" extrusionOk="0">
                  <a:moveTo>
                    <a:pt x="0" y="1"/>
                  </a:moveTo>
                  <a:lnTo>
                    <a:pt x="0" y="1639"/>
                  </a:lnTo>
                  <a:lnTo>
                    <a:pt x="3110" y="1639"/>
                  </a:lnTo>
                  <a:lnTo>
                    <a:pt x="3110"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1" name="Google Shape;241;p24"/>
            <p:cNvSpPr/>
            <p:nvPr/>
          </p:nvSpPr>
          <p:spPr>
            <a:xfrm>
              <a:off x="2710412" y="4245359"/>
              <a:ext cx="187815" cy="99072"/>
            </a:xfrm>
            <a:custGeom>
              <a:avLst/>
              <a:gdLst/>
              <a:ahLst/>
              <a:cxnLst/>
              <a:rect l="l" t="t" r="r" b="b"/>
              <a:pathLst>
                <a:path w="3109" h="1640" extrusionOk="0">
                  <a:moveTo>
                    <a:pt x="0" y="1"/>
                  </a:moveTo>
                  <a:lnTo>
                    <a:pt x="0" y="1639"/>
                  </a:lnTo>
                  <a:lnTo>
                    <a:pt x="3109" y="1639"/>
                  </a:lnTo>
                  <a:lnTo>
                    <a:pt x="3109"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2" name="Google Shape;242;p24"/>
            <p:cNvSpPr/>
            <p:nvPr/>
          </p:nvSpPr>
          <p:spPr>
            <a:xfrm>
              <a:off x="1305783" y="4906294"/>
              <a:ext cx="402270" cy="61075"/>
            </a:xfrm>
            <a:custGeom>
              <a:avLst/>
              <a:gdLst/>
              <a:ahLst/>
              <a:cxnLst/>
              <a:rect l="l" t="t" r="r" b="b"/>
              <a:pathLst>
                <a:path w="6659" h="1011" extrusionOk="0">
                  <a:moveTo>
                    <a:pt x="1" y="0"/>
                  </a:moveTo>
                  <a:lnTo>
                    <a:pt x="1" y="1010"/>
                  </a:lnTo>
                  <a:lnTo>
                    <a:pt x="6659" y="1010"/>
                  </a:lnTo>
                  <a:lnTo>
                    <a:pt x="6659" y="822"/>
                  </a:lnTo>
                  <a:lnTo>
                    <a:pt x="1"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3" name="Google Shape;243;p24"/>
            <p:cNvSpPr/>
            <p:nvPr/>
          </p:nvSpPr>
          <p:spPr>
            <a:xfrm>
              <a:off x="715768" y="4906294"/>
              <a:ext cx="402270" cy="61075"/>
            </a:xfrm>
            <a:custGeom>
              <a:avLst/>
              <a:gdLst/>
              <a:ahLst/>
              <a:cxnLst/>
              <a:rect l="l" t="t" r="r" b="b"/>
              <a:pathLst>
                <a:path w="6659" h="1011" extrusionOk="0">
                  <a:moveTo>
                    <a:pt x="6658" y="0"/>
                  </a:moveTo>
                  <a:lnTo>
                    <a:pt x="0" y="822"/>
                  </a:lnTo>
                  <a:lnTo>
                    <a:pt x="0" y="1010"/>
                  </a:lnTo>
                  <a:lnTo>
                    <a:pt x="6658" y="1010"/>
                  </a:lnTo>
                  <a:lnTo>
                    <a:pt x="665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4" name="Google Shape;244;p24"/>
            <p:cNvSpPr/>
            <p:nvPr/>
          </p:nvSpPr>
          <p:spPr>
            <a:xfrm>
              <a:off x="2898163" y="4906294"/>
              <a:ext cx="402270" cy="61075"/>
            </a:xfrm>
            <a:custGeom>
              <a:avLst/>
              <a:gdLst/>
              <a:ahLst/>
              <a:cxnLst/>
              <a:rect l="l" t="t" r="r" b="b"/>
              <a:pathLst>
                <a:path w="6659" h="1011" extrusionOk="0">
                  <a:moveTo>
                    <a:pt x="1" y="0"/>
                  </a:moveTo>
                  <a:lnTo>
                    <a:pt x="1" y="1010"/>
                  </a:lnTo>
                  <a:lnTo>
                    <a:pt x="6658" y="1010"/>
                  </a:lnTo>
                  <a:lnTo>
                    <a:pt x="6658" y="822"/>
                  </a:lnTo>
                  <a:lnTo>
                    <a:pt x="1"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5" name="Google Shape;245;p24"/>
            <p:cNvSpPr/>
            <p:nvPr/>
          </p:nvSpPr>
          <p:spPr>
            <a:xfrm>
              <a:off x="2308209" y="4906294"/>
              <a:ext cx="402270" cy="61075"/>
            </a:xfrm>
            <a:custGeom>
              <a:avLst/>
              <a:gdLst/>
              <a:ahLst/>
              <a:cxnLst/>
              <a:rect l="l" t="t" r="r" b="b"/>
              <a:pathLst>
                <a:path w="6659" h="1011" extrusionOk="0">
                  <a:moveTo>
                    <a:pt x="6658" y="0"/>
                  </a:moveTo>
                  <a:lnTo>
                    <a:pt x="0" y="822"/>
                  </a:lnTo>
                  <a:lnTo>
                    <a:pt x="0" y="1010"/>
                  </a:lnTo>
                  <a:lnTo>
                    <a:pt x="6658" y="1010"/>
                  </a:lnTo>
                  <a:lnTo>
                    <a:pt x="665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6" name="Google Shape;246;p24"/>
            <p:cNvSpPr/>
            <p:nvPr/>
          </p:nvSpPr>
          <p:spPr>
            <a:xfrm>
              <a:off x="1117971" y="3574820"/>
              <a:ext cx="187875" cy="357748"/>
            </a:xfrm>
            <a:custGeom>
              <a:avLst/>
              <a:gdLst/>
              <a:ahLst/>
              <a:cxnLst/>
              <a:rect l="l" t="t" r="r" b="b"/>
              <a:pathLst>
                <a:path w="3110" h="5922" extrusionOk="0">
                  <a:moveTo>
                    <a:pt x="0" y="0"/>
                  </a:moveTo>
                  <a:lnTo>
                    <a:pt x="0" y="5922"/>
                  </a:lnTo>
                  <a:lnTo>
                    <a:pt x="3110" y="5922"/>
                  </a:lnTo>
                  <a:lnTo>
                    <a:pt x="311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7" name="Google Shape;247;p24"/>
            <p:cNvSpPr/>
            <p:nvPr/>
          </p:nvSpPr>
          <p:spPr>
            <a:xfrm>
              <a:off x="2710412" y="3574820"/>
              <a:ext cx="187815" cy="357748"/>
            </a:xfrm>
            <a:custGeom>
              <a:avLst/>
              <a:gdLst/>
              <a:ahLst/>
              <a:cxnLst/>
              <a:rect l="l" t="t" r="r" b="b"/>
              <a:pathLst>
                <a:path w="3109" h="5922" extrusionOk="0">
                  <a:moveTo>
                    <a:pt x="0" y="0"/>
                  </a:moveTo>
                  <a:lnTo>
                    <a:pt x="0" y="5922"/>
                  </a:lnTo>
                  <a:lnTo>
                    <a:pt x="3109" y="5922"/>
                  </a:lnTo>
                  <a:lnTo>
                    <a:pt x="3109"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8" name="Google Shape;248;p24"/>
            <p:cNvSpPr/>
            <p:nvPr/>
          </p:nvSpPr>
          <p:spPr>
            <a:xfrm>
              <a:off x="2781513" y="3646344"/>
              <a:ext cx="45610" cy="286223"/>
            </a:xfrm>
            <a:custGeom>
              <a:avLst/>
              <a:gdLst/>
              <a:ahLst/>
              <a:cxnLst/>
              <a:rect l="l" t="t" r="r" b="b"/>
              <a:pathLst>
                <a:path w="755" h="4738" extrusionOk="0">
                  <a:moveTo>
                    <a:pt x="1" y="1"/>
                  </a:moveTo>
                  <a:lnTo>
                    <a:pt x="1" y="4738"/>
                  </a:lnTo>
                  <a:lnTo>
                    <a:pt x="754" y="4738"/>
                  </a:lnTo>
                  <a:lnTo>
                    <a:pt x="754"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9" name="Google Shape;249;p24"/>
            <p:cNvSpPr/>
            <p:nvPr/>
          </p:nvSpPr>
          <p:spPr>
            <a:xfrm>
              <a:off x="2781513" y="4245359"/>
              <a:ext cx="45610" cy="357808"/>
            </a:xfrm>
            <a:custGeom>
              <a:avLst/>
              <a:gdLst/>
              <a:ahLst/>
              <a:cxnLst/>
              <a:rect l="l" t="t" r="r" b="b"/>
              <a:pathLst>
                <a:path w="755" h="5923" extrusionOk="0">
                  <a:moveTo>
                    <a:pt x="1" y="1"/>
                  </a:moveTo>
                  <a:lnTo>
                    <a:pt x="1" y="5923"/>
                  </a:lnTo>
                  <a:lnTo>
                    <a:pt x="754" y="5923"/>
                  </a:lnTo>
                  <a:lnTo>
                    <a:pt x="754"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0" name="Google Shape;250;p24"/>
            <p:cNvSpPr/>
            <p:nvPr/>
          </p:nvSpPr>
          <p:spPr>
            <a:xfrm>
              <a:off x="1189072" y="3646344"/>
              <a:ext cx="45610" cy="286223"/>
            </a:xfrm>
            <a:custGeom>
              <a:avLst/>
              <a:gdLst/>
              <a:ahLst/>
              <a:cxnLst/>
              <a:rect l="l" t="t" r="r" b="b"/>
              <a:pathLst>
                <a:path w="755" h="4738" extrusionOk="0">
                  <a:moveTo>
                    <a:pt x="1" y="1"/>
                  </a:moveTo>
                  <a:lnTo>
                    <a:pt x="1" y="4738"/>
                  </a:lnTo>
                  <a:lnTo>
                    <a:pt x="754" y="4738"/>
                  </a:lnTo>
                  <a:lnTo>
                    <a:pt x="754"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1" name="Google Shape;251;p24"/>
            <p:cNvSpPr/>
            <p:nvPr/>
          </p:nvSpPr>
          <p:spPr>
            <a:xfrm>
              <a:off x="1189072" y="4245359"/>
              <a:ext cx="45610" cy="357808"/>
            </a:xfrm>
            <a:custGeom>
              <a:avLst/>
              <a:gdLst/>
              <a:ahLst/>
              <a:cxnLst/>
              <a:rect l="l" t="t" r="r" b="b"/>
              <a:pathLst>
                <a:path w="755" h="5923" extrusionOk="0">
                  <a:moveTo>
                    <a:pt x="1" y="1"/>
                  </a:moveTo>
                  <a:lnTo>
                    <a:pt x="1" y="5923"/>
                  </a:lnTo>
                  <a:lnTo>
                    <a:pt x="754" y="5923"/>
                  </a:lnTo>
                  <a:lnTo>
                    <a:pt x="754"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2" name="Google Shape;252;p24"/>
            <p:cNvSpPr/>
            <p:nvPr/>
          </p:nvSpPr>
          <p:spPr>
            <a:xfrm>
              <a:off x="2712889" y="3997260"/>
              <a:ext cx="182801" cy="182740"/>
            </a:xfrm>
            <a:custGeom>
              <a:avLst/>
              <a:gdLst/>
              <a:ahLst/>
              <a:cxnLst/>
              <a:rect l="l" t="t" r="r" b="b"/>
              <a:pathLst>
                <a:path w="3026" h="3025" extrusionOk="0">
                  <a:moveTo>
                    <a:pt x="1513" y="1"/>
                  </a:moveTo>
                  <a:cubicBezTo>
                    <a:pt x="678" y="1"/>
                    <a:pt x="1" y="678"/>
                    <a:pt x="1" y="1512"/>
                  </a:cubicBezTo>
                  <a:cubicBezTo>
                    <a:pt x="1" y="2347"/>
                    <a:pt x="678" y="3024"/>
                    <a:pt x="1513" y="3024"/>
                  </a:cubicBezTo>
                  <a:cubicBezTo>
                    <a:pt x="2348" y="3024"/>
                    <a:pt x="3025" y="2347"/>
                    <a:pt x="3025" y="1512"/>
                  </a:cubicBezTo>
                  <a:cubicBezTo>
                    <a:pt x="3025" y="677"/>
                    <a:pt x="2348" y="1"/>
                    <a:pt x="1513"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3" name="Google Shape;253;p24"/>
            <p:cNvSpPr/>
            <p:nvPr/>
          </p:nvSpPr>
          <p:spPr>
            <a:xfrm>
              <a:off x="2733730" y="4018101"/>
              <a:ext cx="141118" cy="141118"/>
            </a:xfrm>
            <a:custGeom>
              <a:avLst/>
              <a:gdLst/>
              <a:ahLst/>
              <a:cxnLst/>
              <a:rect l="l" t="t" r="r" b="b"/>
              <a:pathLst>
                <a:path w="2336" h="2336" extrusionOk="0">
                  <a:moveTo>
                    <a:pt x="1168" y="0"/>
                  </a:moveTo>
                  <a:cubicBezTo>
                    <a:pt x="524" y="0"/>
                    <a:pt x="1" y="523"/>
                    <a:pt x="1" y="1167"/>
                  </a:cubicBezTo>
                  <a:cubicBezTo>
                    <a:pt x="1" y="1812"/>
                    <a:pt x="524" y="2335"/>
                    <a:pt x="1168" y="2335"/>
                  </a:cubicBezTo>
                  <a:cubicBezTo>
                    <a:pt x="1813" y="2335"/>
                    <a:pt x="2336" y="1812"/>
                    <a:pt x="2336" y="1167"/>
                  </a:cubicBezTo>
                  <a:cubicBezTo>
                    <a:pt x="2336" y="523"/>
                    <a:pt x="1813" y="0"/>
                    <a:pt x="1168"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4" name="Google Shape;254;p24"/>
            <p:cNvSpPr/>
            <p:nvPr/>
          </p:nvSpPr>
          <p:spPr>
            <a:xfrm>
              <a:off x="2754148" y="4045164"/>
              <a:ext cx="100281" cy="86930"/>
            </a:xfrm>
            <a:custGeom>
              <a:avLst/>
              <a:gdLst/>
              <a:ahLst/>
              <a:cxnLst/>
              <a:rect l="l" t="t" r="r" b="b"/>
              <a:pathLst>
                <a:path w="1660" h="1439" extrusionOk="0">
                  <a:moveTo>
                    <a:pt x="415" y="1"/>
                  </a:moveTo>
                  <a:lnTo>
                    <a:pt x="1" y="719"/>
                  </a:lnTo>
                  <a:lnTo>
                    <a:pt x="415" y="1439"/>
                  </a:lnTo>
                  <a:lnTo>
                    <a:pt x="1245" y="1439"/>
                  </a:lnTo>
                  <a:lnTo>
                    <a:pt x="1660" y="719"/>
                  </a:lnTo>
                  <a:lnTo>
                    <a:pt x="1245"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5" name="Google Shape;255;p24"/>
            <p:cNvSpPr/>
            <p:nvPr/>
          </p:nvSpPr>
          <p:spPr>
            <a:xfrm>
              <a:off x="1120448" y="3997260"/>
              <a:ext cx="182801" cy="182740"/>
            </a:xfrm>
            <a:custGeom>
              <a:avLst/>
              <a:gdLst/>
              <a:ahLst/>
              <a:cxnLst/>
              <a:rect l="l" t="t" r="r" b="b"/>
              <a:pathLst>
                <a:path w="3026" h="3025" extrusionOk="0">
                  <a:moveTo>
                    <a:pt x="1513" y="1"/>
                  </a:moveTo>
                  <a:cubicBezTo>
                    <a:pt x="678" y="1"/>
                    <a:pt x="1" y="678"/>
                    <a:pt x="1" y="1512"/>
                  </a:cubicBezTo>
                  <a:cubicBezTo>
                    <a:pt x="1" y="2347"/>
                    <a:pt x="678" y="3024"/>
                    <a:pt x="1513" y="3024"/>
                  </a:cubicBezTo>
                  <a:cubicBezTo>
                    <a:pt x="2348" y="3024"/>
                    <a:pt x="3025" y="2347"/>
                    <a:pt x="3025" y="1512"/>
                  </a:cubicBezTo>
                  <a:cubicBezTo>
                    <a:pt x="3025" y="677"/>
                    <a:pt x="2348" y="1"/>
                    <a:pt x="1513"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6" name="Google Shape;256;p24"/>
            <p:cNvSpPr/>
            <p:nvPr/>
          </p:nvSpPr>
          <p:spPr>
            <a:xfrm>
              <a:off x="1141289" y="4018101"/>
              <a:ext cx="141057" cy="141118"/>
            </a:xfrm>
            <a:custGeom>
              <a:avLst/>
              <a:gdLst/>
              <a:ahLst/>
              <a:cxnLst/>
              <a:rect l="l" t="t" r="r" b="b"/>
              <a:pathLst>
                <a:path w="2335" h="2336" extrusionOk="0">
                  <a:moveTo>
                    <a:pt x="1168" y="0"/>
                  </a:moveTo>
                  <a:cubicBezTo>
                    <a:pt x="523" y="0"/>
                    <a:pt x="1" y="523"/>
                    <a:pt x="1" y="1167"/>
                  </a:cubicBezTo>
                  <a:cubicBezTo>
                    <a:pt x="1" y="1812"/>
                    <a:pt x="523" y="2335"/>
                    <a:pt x="1168" y="2335"/>
                  </a:cubicBezTo>
                  <a:cubicBezTo>
                    <a:pt x="1813" y="2335"/>
                    <a:pt x="2335" y="1812"/>
                    <a:pt x="2335" y="1167"/>
                  </a:cubicBezTo>
                  <a:cubicBezTo>
                    <a:pt x="2335" y="523"/>
                    <a:pt x="1813" y="0"/>
                    <a:pt x="1168"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7" name="Google Shape;257;p24"/>
            <p:cNvSpPr/>
            <p:nvPr/>
          </p:nvSpPr>
          <p:spPr>
            <a:xfrm>
              <a:off x="1161647" y="4045164"/>
              <a:ext cx="100341" cy="86930"/>
            </a:xfrm>
            <a:custGeom>
              <a:avLst/>
              <a:gdLst/>
              <a:ahLst/>
              <a:cxnLst/>
              <a:rect l="l" t="t" r="r" b="b"/>
              <a:pathLst>
                <a:path w="1661" h="1439" extrusionOk="0">
                  <a:moveTo>
                    <a:pt x="416" y="1"/>
                  </a:moveTo>
                  <a:lnTo>
                    <a:pt x="1" y="719"/>
                  </a:lnTo>
                  <a:lnTo>
                    <a:pt x="416" y="1439"/>
                  </a:lnTo>
                  <a:lnTo>
                    <a:pt x="1245" y="1439"/>
                  </a:lnTo>
                  <a:lnTo>
                    <a:pt x="1661" y="719"/>
                  </a:lnTo>
                  <a:lnTo>
                    <a:pt x="1245"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8" name="Google Shape;258;p24"/>
            <p:cNvSpPr/>
            <p:nvPr/>
          </p:nvSpPr>
          <p:spPr>
            <a:xfrm>
              <a:off x="1407632" y="2861632"/>
              <a:ext cx="589239" cy="16673"/>
            </a:xfrm>
            <a:custGeom>
              <a:avLst/>
              <a:gdLst/>
              <a:ahLst/>
              <a:cxnLst/>
              <a:rect l="l" t="t" r="r" b="b"/>
              <a:pathLst>
                <a:path w="9754" h="276" extrusionOk="0">
                  <a:moveTo>
                    <a:pt x="1" y="0"/>
                  </a:moveTo>
                  <a:lnTo>
                    <a:pt x="1" y="275"/>
                  </a:lnTo>
                  <a:lnTo>
                    <a:pt x="9753" y="275"/>
                  </a:lnTo>
                  <a:lnTo>
                    <a:pt x="9753"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9" name="Google Shape;259;p24"/>
            <p:cNvSpPr/>
            <p:nvPr/>
          </p:nvSpPr>
          <p:spPr>
            <a:xfrm>
              <a:off x="1407632" y="2876190"/>
              <a:ext cx="589239" cy="589179"/>
            </a:xfrm>
            <a:custGeom>
              <a:avLst/>
              <a:gdLst/>
              <a:ahLst/>
              <a:cxnLst/>
              <a:rect l="l" t="t" r="r" b="b"/>
              <a:pathLst>
                <a:path w="9754" h="9753" extrusionOk="0">
                  <a:moveTo>
                    <a:pt x="1" y="0"/>
                  </a:moveTo>
                  <a:lnTo>
                    <a:pt x="1" y="9753"/>
                  </a:lnTo>
                  <a:lnTo>
                    <a:pt x="9753" y="9753"/>
                  </a:lnTo>
                  <a:lnTo>
                    <a:pt x="975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0" name="Google Shape;260;p24"/>
            <p:cNvSpPr/>
            <p:nvPr/>
          </p:nvSpPr>
          <p:spPr>
            <a:xfrm>
              <a:off x="1857014" y="3249820"/>
              <a:ext cx="43737" cy="97139"/>
            </a:xfrm>
            <a:custGeom>
              <a:avLst/>
              <a:gdLst/>
              <a:ahLst/>
              <a:cxnLst/>
              <a:rect l="l" t="t" r="r" b="b"/>
              <a:pathLst>
                <a:path w="724" h="1608" extrusionOk="0">
                  <a:moveTo>
                    <a:pt x="1" y="1"/>
                  </a:moveTo>
                  <a:lnTo>
                    <a:pt x="1" y="1607"/>
                  </a:lnTo>
                  <a:lnTo>
                    <a:pt x="724" y="1607"/>
                  </a:lnTo>
                  <a:lnTo>
                    <a:pt x="72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1" name="Google Shape;261;p24"/>
            <p:cNvSpPr/>
            <p:nvPr/>
          </p:nvSpPr>
          <p:spPr>
            <a:xfrm>
              <a:off x="1836052" y="3214903"/>
              <a:ext cx="85661" cy="44885"/>
            </a:xfrm>
            <a:custGeom>
              <a:avLst/>
              <a:gdLst/>
              <a:ahLst/>
              <a:cxnLst/>
              <a:rect l="l" t="t" r="r" b="b"/>
              <a:pathLst>
                <a:path w="1418" h="743" extrusionOk="0">
                  <a:moveTo>
                    <a:pt x="709" y="1"/>
                  </a:moveTo>
                  <a:lnTo>
                    <a:pt x="1" y="742"/>
                  </a:lnTo>
                  <a:lnTo>
                    <a:pt x="1418" y="742"/>
                  </a:lnTo>
                  <a:lnTo>
                    <a:pt x="709"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2" name="Google Shape;262;p24"/>
            <p:cNvSpPr/>
            <p:nvPr/>
          </p:nvSpPr>
          <p:spPr>
            <a:xfrm>
              <a:off x="1437534" y="3313853"/>
              <a:ext cx="178753" cy="13894"/>
            </a:xfrm>
            <a:custGeom>
              <a:avLst/>
              <a:gdLst/>
              <a:ahLst/>
              <a:cxnLst/>
              <a:rect l="l" t="t" r="r" b="b"/>
              <a:pathLst>
                <a:path w="2959" h="230" extrusionOk="0">
                  <a:moveTo>
                    <a:pt x="1" y="0"/>
                  </a:moveTo>
                  <a:lnTo>
                    <a:pt x="1" y="230"/>
                  </a:lnTo>
                  <a:lnTo>
                    <a:pt x="2958" y="230"/>
                  </a:lnTo>
                  <a:lnTo>
                    <a:pt x="2958"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3" name="Google Shape;263;p24"/>
            <p:cNvSpPr/>
            <p:nvPr/>
          </p:nvSpPr>
          <p:spPr>
            <a:xfrm>
              <a:off x="1437534" y="3346897"/>
              <a:ext cx="178753" cy="13955"/>
            </a:xfrm>
            <a:custGeom>
              <a:avLst/>
              <a:gdLst/>
              <a:ahLst/>
              <a:cxnLst/>
              <a:rect l="l" t="t" r="r" b="b"/>
              <a:pathLst>
                <a:path w="2959" h="231" extrusionOk="0">
                  <a:moveTo>
                    <a:pt x="1" y="0"/>
                  </a:moveTo>
                  <a:lnTo>
                    <a:pt x="1" y="231"/>
                  </a:lnTo>
                  <a:lnTo>
                    <a:pt x="2958" y="231"/>
                  </a:lnTo>
                  <a:lnTo>
                    <a:pt x="2958"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4" name="Google Shape;264;p24"/>
            <p:cNvSpPr/>
            <p:nvPr/>
          </p:nvSpPr>
          <p:spPr>
            <a:xfrm>
              <a:off x="1437534" y="3379940"/>
              <a:ext cx="178753" cy="13955"/>
            </a:xfrm>
            <a:custGeom>
              <a:avLst/>
              <a:gdLst/>
              <a:ahLst/>
              <a:cxnLst/>
              <a:rect l="l" t="t" r="r" b="b"/>
              <a:pathLst>
                <a:path w="2959" h="231" extrusionOk="0">
                  <a:moveTo>
                    <a:pt x="1" y="1"/>
                  </a:moveTo>
                  <a:lnTo>
                    <a:pt x="1" y="230"/>
                  </a:lnTo>
                  <a:lnTo>
                    <a:pt x="2958" y="230"/>
                  </a:lnTo>
                  <a:lnTo>
                    <a:pt x="2958"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5" name="Google Shape;265;p24"/>
            <p:cNvSpPr/>
            <p:nvPr/>
          </p:nvSpPr>
          <p:spPr>
            <a:xfrm>
              <a:off x="1437534" y="3413045"/>
              <a:ext cx="77385" cy="13955"/>
            </a:xfrm>
            <a:custGeom>
              <a:avLst/>
              <a:gdLst/>
              <a:ahLst/>
              <a:cxnLst/>
              <a:rect l="l" t="t" r="r" b="b"/>
              <a:pathLst>
                <a:path w="1281" h="231" extrusionOk="0">
                  <a:moveTo>
                    <a:pt x="1" y="1"/>
                  </a:moveTo>
                  <a:lnTo>
                    <a:pt x="1" y="230"/>
                  </a:lnTo>
                  <a:lnTo>
                    <a:pt x="1280" y="230"/>
                  </a:lnTo>
                  <a:lnTo>
                    <a:pt x="1280"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6" name="Google Shape;266;p24"/>
            <p:cNvSpPr/>
            <p:nvPr/>
          </p:nvSpPr>
          <p:spPr>
            <a:xfrm>
              <a:off x="1782772" y="3377645"/>
              <a:ext cx="49355" cy="49355"/>
            </a:xfrm>
            <a:custGeom>
              <a:avLst/>
              <a:gdLst/>
              <a:ahLst/>
              <a:cxnLst/>
              <a:rect l="l" t="t" r="r" b="b"/>
              <a:pathLst>
                <a:path w="817" h="817" extrusionOk="0">
                  <a:moveTo>
                    <a:pt x="1" y="1"/>
                  </a:moveTo>
                  <a:lnTo>
                    <a:pt x="1" y="816"/>
                  </a:lnTo>
                  <a:lnTo>
                    <a:pt x="817" y="816"/>
                  </a:lnTo>
                  <a:lnTo>
                    <a:pt x="817"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7" name="Google Shape;267;p24"/>
            <p:cNvSpPr/>
            <p:nvPr/>
          </p:nvSpPr>
          <p:spPr>
            <a:xfrm>
              <a:off x="1710523" y="3377645"/>
              <a:ext cx="49355" cy="49355"/>
            </a:xfrm>
            <a:custGeom>
              <a:avLst/>
              <a:gdLst/>
              <a:ahLst/>
              <a:cxnLst/>
              <a:rect l="l" t="t" r="r" b="b"/>
              <a:pathLst>
                <a:path w="817" h="817" extrusionOk="0">
                  <a:moveTo>
                    <a:pt x="1" y="1"/>
                  </a:moveTo>
                  <a:lnTo>
                    <a:pt x="1" y="816"/>
                  </a:lnTo>
                  <a:lnTo>
                    <a:pt x="817" y="816"/>
                  </a:lnTo>
                  <a:lnTo>
                    <a:pt x="817"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8" name="Google Shape;268;p24"/>
            <p:cNvSpPr/>
            <p:nvPr/>
          </p:nvSpPr>
          <p:spPr>
            <a:xfrm>
              <a:off x="1854236" y="3377645"/>
              <a:ext cx="49295" cy="49355"/>
            </a:xfrm>
            <a:custGeom>
              <a:avLst/>
              <a:gdLst/>
              <a:ahLst/>
              <a:cxnLst/>
              <a:rect l="l" t="t" r="r" b="b"/>
              <a:pathLst>
                <a:path w="816" h="817" extrusionOk="0">
                  <a:moveTo>
                    <a:pt x="0" y="1"/>
                  </a:moveTo>
                  <a:lnTo>
                    <a:pt x="0" y="816"/>
                  </a:lnTo>
                  <a:lnTo>
                    <a:pt x="815" y="816"/>
                  </a:lnTo>
                  <a:lnTo>
                    <a:pt x="81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9" name="Google Shape;269;p24"/>
            <p:cNvSpPr/>
            <p:nvPr/>
          </p:nvSpPr>
          <p:spPr>
            <a:xfrm>
              <a:off x="1925639" y="3377645"/>
              <a:ext cx="49295" cy="49355"/>
            </a:xfrm>
            <a:custGeom>
              <a:avLst/>
              <a:gdLst/>
              <a:ahLst/>
              <a:cxnLst/>
              <a:rect l="l" t="t" r="r" b="b"/>
              <a:pathLst>
                <a:path w="816" h="817" extrusionOk="0">
                  <a:moveTo>
                    <a:pt x="1" y="1"/>
                  </a:moveTo>
                  <a:lnTo>
                    <a:pt x="1" y="816"/>
                  </a:lnTo>
                  <a:lnTo>
                    <a:pt x="816" y="816"/>
                  </a:lnTo>
                  <a:lnTo>
                    <a:pt x="816"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0" name="Google Shape;270;p24"/>
            <p:cNvSpPr/>
            <p:nvPr/>
          </p:nvSpPr>
          <p:spPr>
            <a:xfrm>
              <a:off x="1811164" y="2916181"/>
              <a:ext cx="145165" cy="43858"/>
            </a:xfrm>
            <a:custGeom>
              <a:avLst/>
              <a:gdLst/>
              <a:ahLst/>
              <a:cxnLst/>
              <a:rect l="l" t="t" r="r" b="b"/>
              <a:pathLst>
                <a:path w="2403" h="726" extrusionOk="0">
                  <a:moveTo>
                    <a:pt x="0" y="1"/>
                  </a:moveTo>
                  <a:lnTo>
                    <a:pt x="0" y="725"/>
                  </a:lnTo>
                  <a:lnTo>
                    <a:pt x="2403" y="725"/>
                  </a:lnTo>
                  <a:lnTo>
                    <a:pt x="240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1" name="Google Shape;271;p24"/>
            <p:cNvSpPr/>
            <p:nvPr/>
          </p:nvSpPr>
          <p:spPr>
            <a:xfrm>
              <a:off x="1407632" y="2853295"/>
              <a:ext cx="589239" cy="12022"/>
            </a:xfrm>
            <a:custGeom>
              <a:avLst/>
              <a:gdLst/>
              <a:ahLst/>
              <a:cxnLst/>
              <a:rect l="l" t="t" r="r" b="b"/>
              <a:pathLst>
                <a:path w="9754" h="199" extrusionOk="0">
                  <a:moveTo>
                    <a:pt x="1" y="1"/>
                  </a:moveTo>
                  <a:lnTo>
                    <a:pt x="1" y="198"/>
                  </a:lnTo>
                  <a:lnTo>
                    <a:pt x="9753" y="198"/>
                  </a:lnTo>
                  <a:lnTo>
                    <a:pt x="9753"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2" name="Google Shape;272;p24"/>
            <p:cNvSpPr/>
            <p:nvPr/>
          </p:nvSpPr>
          <p:spPr>
            <a:xfrm>
              <a:off x="1666182" y="2853295"/>
              <a:ext cx="72130" cy="270758"/>
            </a:xfrm>
            <a:custGeom>
              <a:avLst/>
              <a:gdLst/>
              <a:ahLst/>
              <a:cxnLst/>
              <a:rect l="l" t="t" r="r" b="b"/>
              <a:pathLst>
                <a:path w="1194" h="4482" extrusionOk="0">
                  <a:moveTo>
                    <a:pt x="0" y="1"/>
                  </a:moveTo>
                  <a:lnTo>
                    <a:pt x="0" y="4482"/>
                  </a:lnTo>
                  <a:lnTo>
                    <a:pt x="1194" y="4482"/>
                  </a:lnTo>
                  <a:lnTo>
                    <a:pt x="1194"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3" name="Google Shape;273;p24"/>
            <p:cNvSpPr/>
            <p:nvPr/>
          </p:nvSpPr>
          <p:spPr>
            <a:xfrm>
              <a:off x="2338655" y="2861632"/>
              <a:ext cx="589239" cy="16673"/>
            </a:xfrm>
            <a:custGeom>
              <a:avLst/>
              <a:gdLst/>
              <a:ahLst/>
              <a:cxnLst/>
              <a:rect l="l" t="t" r="r" b="b"/>
              <a:pathLst>
                <a:path w="9754" h="276" extrusionOk="0">
                  <a:moveTo>
                    <a:pt x="1" y="0"/>
                  </a:moveTo>
                  <a:lnTo>
                    <a:pt x="1" y="275"/>
                  </a:lnTo>
                  <a:lnTo>
                    <a:pt x="9754" y="275"/>
                  </a:lnTo>
                  <a:lnTo>
                    <a:pt x="9754"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4" name="Google Shape;274;p24"/>
            <p:cNvSpPr/>
            <p:nvPr/>
          </p:nvSpPr>
          <p:spPr>
            <a:xfrm>
              <a:off x="2338655" y="2876190"/>
              <a:ext cx="589239" cy="589179"/>
            </a:xfrm>
            <a:custGeom>
              <a:avLst/>
              <a:gdLst/>
              <a:ahLst/>
              <a:cxnLst/>
              <a:rect l="l" t="t" r="r" b="b"/>
              <a:pathLst>
                <a:path w="9754" h="9753" extrusionOk="0">
                  <a:moveTo>
                    <a:pt x="1" y="0"/>
                  </a:moveTo>
                  <a:lnTo>
                    <a:pt x="1" y="9753"/>
                  </a:lnTo>
                  <a:lnTo>
                    <a:pt x="9754" y="9753"/>
                  </a:lnTo>
                  <a:lnTo>
                    <a:pt x="9754"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5" name="Google Shape;275;p24"/>
            <p:cNvSpPr/>
            <p:nvPr/>
          </p:nvSpPr>
          <p:spPr>
            <a:xfrm>
              <a:off x="2788037" y="3249820"/>
              <a:ext cx="43737" cy="97139"/>
            </a:xfrm>
            <a:custGeom>
              <a:avLst/>
              <a:gdLst/>
              <a:ahLst/>
              <a:cxnLst/>
              <a:rect l="l" t="t" r="r" b="b"/>
              <a:pathLst>
                <a:path w="724" h="1608" extrusionOk="0">
                  <a:moveTo>
                    <a:pt x="0" y="1"/>
                  </a:moveTo>
                  <a:lnTo>
                    <a:pt x="0" y="1607"/>
                  </a:lnTo>
                  <a:lnTo>
                    <a:pt x="724" y="1607"/>
                  </a:lnTo>
                  <a:lnTo>
                    <a:pt x="724"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6" name="Google Shape;276;p24"/>
            <p:cNvSpPr/>
            <p:nvPr/>
          </p:nvSpPr>
          <p:spPr>
            <a:xfrm>
              <a:off x="2767075" y="3214903"/>
              <a:ext cx="85601" cy="44885"/>
            </a:xfrm>
            <a:custGeom>
              <a:avLst/>
              <a:gdLst/>
              <a:ahLst/>
              <a:cxnLst/>
              <a:rect l="l" t="t" r="r" b="b"/>
              <a:pathLst>
                <a:path w="1417" h="743" extrusionOk="0">
                  <a:moveTo>
                    <a:pt x="709" y="1"/>
                  </a:moveTo>
                  <a:lnTo>
                    <a:pt x="1" y="742"/>
                  </a:lnTo>
                  <a:lnTo>
                    <a:pt x="1417" y="742"/>
                  </a:lnTo>
                  <a:lnTo>
                    <a:pt x="709"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7" name="Google Shape;277;p24"/>
            <p:cNvSpPr/>
            <p:nvPr/>
          </p:nvSpPr>
          <p:spPr>
            <a:xfrm>
              <a:off x="2368557" y="3313853"/>
              <a:ext cx="178753" cy="13894"/>
            </a:xfrm>
            <a:custGeom>
              <a:avLst/>
              <a:gdLst/>
              <a:ahLst/>
              <a:cxnLst/>
              <a:rect l="l" t="t" r="r" b="b"/>
              <a:pathLst>
                <a:path w="2959" h="230" extrusionOk="0">
                  <a:moveTo>
                    <a:pt x="1" y="0"/>
                  </a:moveTo>
                  <a:lnTo>
                    <a:pt x="1" y="230"/>
                  </a:lnTo>
                  <a:lnTo>
                    <a:pt x="2958" y="230"/>
                  </a:lnTo>
                  <a:lnTo>
                    <a:pt x="2958"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8" name="Google Shape;278;p24"/>
            <p:cNvSpPr/>
            <p:nvPr/>
          </p:nvSpPr>
          <p:spPr>
            <a:xfrm>
              <a:off x="2368557" y="3346897"/>
              <a:ext cx="178753" cy="13955"/>
            </a:xfrm>
            <a:custGeom>
              <a:avLst/>
              <a:gdLst/>
              <a:ahLst/>
              <a:cxnLst/>
              <a:rect l="l" t="t" r="r" b="b"/>
              <a:pathLst>
                <a:path w="2959" h="231" extrusionOk="0">
                  <a:moveTo>
                    <a:pt x="1" y="0"/>
                  </a:moveTo>
                  <a:lnTo>
                    <a:pt x="1" y="231"/>
                  </a:lnTo>
                  <a:lnTo>
                    <a:pt x="2958" y="231"/>
                  </a:lnTo>
                  <a:lnTo>
                    <a:pt x="2958"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9" name="Google Shape;279;p24"/>
            <p:cNvSpPr/>
            <p:nvPr/>
          </p:nvSpPr>
          <p:spPr>
            <a:xfrm>
              <a:off x="2368557" y="3379940"/>
              <a:ext cx="178753" cy="13955"/>
            </a:xfrm>
            <a:custGeom>
              <a:avLst/>
              <a:gdLst/>
              <a:ahLst/>
              <a:cxnLst/>
              <a:rect l="l" t="t" r="r" b="b"/>
              <a:pathLst>
                <a:path w="2959" h="231" extrusionOk="0">
                  <a:moveTo>
                    <a:pt x="1" y="1"/>
                  </a:moveTo>
                  <a:lnTo>
                    <a:pt x="1" y="230"/>
                  </a:lnTo>
                  <a:lnTo>
                    <a:pt x="2958" y="230"/>
                  </a:lnTo>
                  <a:lnTo>
                    <a:pt x="2958"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0" name="Google Shape;280;p24"/>
            <p:cNvSpPr/>
            <p:nvPr/>
          </p:nvSpPr>
          <p:spPr>
            <a:xfrm>
              <a:off x="2368557" y="3413045"/>
              <a:ext cx="77385" cy="13955"/>
            </a:xfrm>
            <a:custGeom>
              <a:avLst/>
              <a:gdLst/>
              <a:ahLst/>
              <a:cxnLst/>
              <a:rect l="l" t="t" r="r" b="b"/>
              <a:pathLst>
                <a:path w="1281" h="231" extrusionOk="0">
                  <a:moveTo>
                    <a:pt x="1" y="1"/>
                  </a:moveTo>
                  <a:lnTo>
                    <a:pt x="1" y="230"/>
                  </a:lnTo>
                  <a:lnTo>
                    <a:pt x="1281" y="230"/>
                  </a:lnTo>
                  <a:lnTo>
                    <a:pt x="1281"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1" name="Google Shape;281;p24"/>
            <p:cNvSpPr/>
            <p:nvPr/>
          </p:nvSpPr>
          <p:spPr>
            <a:xfrm>
              <a:off x="2713855" y="3377645"/>
              <a:ext cx="49234" cy="49355"/>
            </a:xfrm>
            <a:custGeom>
              <a:avLst/>
              <a:gdLst/>
              <a:ahLst/>
              <a:cxnLst/>
              <a:rect l="l" t="t" r="r" b="b"/>
              <a:pathLst>
                <a:path w="815" h="817" extrusionOk="0">
                  <a:moveTo>
                    <a:pt x="0" y="1"/>
                  </a:moveTo>
                  <a:lnTo>
                    <a:pt x="0" y="816"/>
                  </a:lnTo>
                  <a:lnTo>
                    <a:pt x="815" y="816"/>
                  </a:lnTo>
                  <a:lnTo>
                    <a:pt x="81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2" name="Google Shape;282;p24"/>
            <p:cNvSpPr/>
            <p:nvPr/>
          </p:nvSpPr>
          <p:spPr>
            <a:xfrm>
              <a:off x="2641606" y="3377645"/>
              <a:ext cx="49295" cy="49355"/>
            </a:xfrm>
            <a:custGeom>
              <a:avLst/>
              <a:gdLst/>
              <a:ahLst/>
              <a:cxnLst/>
              <a:rect l="l" t="t" r="r" b="b"/>
              <a:pathLst>
                <a:path w="816" h="817" extrusionOk="0">
                  <a:moveTo>
                    <a:pt x="0" y="1"/>
                  </a:moveTo>
                  <a:lnTo>
                    <a:pt x="0" y="816"/>
                  </a:lnTo>
                  <a:lnTo>
                    <a:pt x="816" y="816"/>
                  </a:lnTo>
                  <a:lnTo>
                    <a:pt x="816"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3" name="Google Shape;283;p24"/>
            <p:cNvSpPr/>
            <p:nvPr/>
          </p:nvSpPr>
          <p:spPr>
            <a:xfrm>
              <a:off x="2785259" y="3377645"/>
              <a:ext cx="49295" cy="49355"/>
            </a:xfrm>
            <a:custGeom>
              <a:avLst/>
              <a:gdLst/>
              <a:ahLst/>
              <a:cxnLst/>
              <a:rect l="l" t="t" r="r" b="b"/>
              <a:pathLst>
                <a:path w="816" h="817" extrusionOk="0">
                  <a:moveTo>
                    <a:pt x="1" y="1"/>
                  </a:moveTo>
                  <a:lnTo>
                    <a:pt x="1" y="816"/>
                  </a:lnTo>
                  <a:lnTo>
                    <a:pt x="815" y="816"/>
                  </a:lnTo>
                  <a:lnTo>
                    <a:pt x="81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4" name="Google Shape;284;p24"/>
            <p:cNvSpPr/>
            <p:nvPr/>
          </p:nvSpPr>
          <p:spPr>
            <a:xfrm>
              <a:off x="2856662" y="3377645"/>
              <a:ext cx="49295" cy="49355"/>
            </a:xfrm>
            <a:custGeom>
              <a:avLst/>
              <a:gdLst/>
              <a:ahLst/>
              <a:cxnLst/>
              <a:rect l="l" t="t" r="r" b="b"/>
              <a:pathLst>
                <a:path w="816" h="817" extrusionOk="0">
                  <a:moveTo>
                    <a:pt x="0" y="1"/>
                  </a:moveTo>
                  <a:lnTo>
                    <a:pt x="0" y="816"/>
                  </a:lnTo>
                  <a:lnTo>
                    <a:pt x="816" y="816"/>
                  </a:lnTo>
                  <a:lnTo>
                    <a:pt x="816"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5" name="Google Shape;285;p24"/>
            <p:cNvSpPr/>
            <p:nvPr/>
          </p:nvSpPr>
          <p:spPr>
            <a:xfrm>
              <a:off x="2742187" y="2916181"/>
              <a:ext cx="145165" cy="43858"/>
            </a:xfrm>
            <a:custGeom>
              <a:avLst/>
              <a:gdLst/>
              <a:ahLst/>
              <a:cxnLst/>
              <a:rect l="l" t="t" r="r" b="b"/>
              <a:pathLst>
                <a:path w="2403" h="726" extrusionOk="0">
                  <a:moveTo>
                    <a:pt x="0" y="1"/>
                  </a:moveTo>
                  <a:lnTo>
                    <a:pt x="0" y="725"/>
                  </a:lnTo>
                  <a:lnTo>
                    <a:pt x="2403" y="725"/>
                  </a:lnTo>
                  <a:lnTo>
                    <a:pt x="240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6" name="Google Shape;286;p24"/>
            <p:cNvSpPr/>
            <p:nvPr/>
          </p:nvSpPr>
          <p:spPr>
            <a:xfrm>
              <a:off x="2338655" y="2853295"/>
              <a:ext cx="589239" cy="12022"/>
            </a:xfrm>
            <a:custGeom>
              <a:avLst/>
              <a:gdLst/>
              <a:ahLst/>
              <a:cxnLst/>
              <a:rect l="l" t="t" r="r" b="b"/>
              <a:pathLst>
                <a:path w="9754" h="199" extrusionOk="0">
                  <a:moveTo>
                    <a:pt x="1" y="1"/>
                  </a:moveTo>
                  <a:lnTo>
                    <a:pt x="1" y="198"/>
                  </a:lnTo>
                  <a:lnTo>
                    <a:pt x="9754" y="198"/>
                  </a:lnTo>
                  <a:lnTo>
                    <a:pt x="9754"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7" name="Google Shape;287;p24"/>
            <p:cNvSpPr/>
            <p:nvPr/>
          </p:nvSpPr>
          <p:spPr>
            <a:xfrm>
              <a:off x="2597205" y="2853295"/>
              <a:ext cx="72190" cy="270758"/>
            </a:xfrm>
            <a:custGeom>
              <a:avLst/>
              <a:gdLst/>
              <a:ahLst/>
              <a:cxnLst/>
              <a:rect l="l" t="t" r="r" b="b"/>
              <a:pathLst>
                <a:path w="1195" h="4482" extrusionOk="0">
                  <a:moveTo>
                    <a:pt x="0" y="1"/>
                  </a:moveTo>
                  <a:lnTo>
                    <a:pt x="0" y="4482"/>
                  </a:lnTo>
                  <a:lnTo>
                    <a:pt x="1194" y="4482"/>
                  </a:lnTo>
                  <a:lnTo>
                    <a:pt x="1194"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8" name="Google Shape;288;p24"/>
            <p:cNvSpPr/>
            <p:nvPr/>
          </p:nvSpPr>
          <p:spPr>
            <a:xfrm>
              <a:off x="2139728" y="2616311"/>
              <a:ext cx="183344" cy="503880"/>
            </a:xfrm>
            <a:custGeom>
              <a:avLst/>
              <a:gdLst/>
              <a:ahLst/>
              <a:cxnLst/>
              <a:rect l="l" t="t" r="r" b="b"/>
              <a:pathLst>
                <a:path w="3035" h="8341" extrusionOk="0">
                  <a:moveTo>
                    <a:pt x="2954" y="0"/>
                  </a:moveTo>
                  <a:lnTo>
                    <a:pt x="2122" y="539"/>
                  </a:lnTo>
                  <a:cubicBezTo>
                    <a:pt x="1671" y="830"/>
                    <a:pt x="1361" y="1298"/>
                    <a:pt x="1276" y="1829"/>
                  </a:cubicBezTo>
                  <a:cubicBezTo>
                    <a:pt x="1143" y="2665"/>
                    <a:pt x="840" y="4062"/>
                    <a:pt x="173" y="5591"/>
                  </a:cubicBezTo>
                  <a:cubicBezTo>
                    <a:pt x="52" y="5870"/>
                    <a:pt x="0" y="6174"/>
                    <a:pt x="22" y="6477"/>
                  </a:cubicBezTo>
                  <a:lnTo>
                    <a:pt x="152" y="8341"/>
                  </a:lnTo>
                  <a:lnTo>
                    <a:pt x="1759" y="6491"/>
                  </a:lnTo>
                  <a:lnTo>
                    <a:pt x="2799" y="3216"/>
                  </a:lnTo>
                  <a:cubicBezTo>
                    <a:pt x="2799" y="3216"/>
                    <a:pt x="2988" y="1120"/>
                    <a:pt x="3012" y="827"/>
                  </a:cubicBezTo>
                  <a:cubicBezTo>
                    <a:pt x="3034" y="535"/>
                    <a:pt x="2954" y="0"/>
                    <a:pt x="295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9" name="Google Shape;289;p24"/>
            <p:cNvSpPr/>
            <p:nvPr/>
          </p:nvSpPr>
          <p:spPr>
            <a:xfrm>
              <a:off x="2146494" y="2616311"/>
              <a:ext cx="176578" cy="503880"/>
            </a:xfrm>
            <a:custGeom>
              <a:avLst/>
              <a:gdLst/>
              <a:ahLst/>
              <a:cxnLst/>
              <a:rect l="l" t="t" r="r" b="b"/>
              <a:pathLst>
                <a:path w="2923" h="8341" extrusionOk="0">
                  <a:moveTo>
                    <a:pt x="2842" y="0"/>
                  </a:moveTo>
                  <a:lnTo>
                    <a:pt x="2202" y="414"/>
                  </a:lnTo>
                  <a:cubicBezTo>
                    <a:pt x="2169" y="3027"/>
                    <a:pt x="1402" y="5572"/>
                    <a:pt x="0" y="7764"/>
                  </a:cubicBezTo>
                  <a:lnTo>
                    <a:pt x="40" y="8341"/>
                  </a:lnTo>
                  <a:lnTo>
                    <a:pt x="1646" y="6492"/>
                  </a:lnTo>
                  <a:lnTo>
                    <a:pt x="2687" y="3216"/>
                  </a:lnTo>
                  <a:cubicBezTo>
                    <a:pt x="2687" y="3216"/>
                    <a:pt x="2876" y="1120"/>
                    <a:pt x="2900" y="828"/>
                  </a:cubicBezTo>
                  <a:cubicBezTo>
                    <a:pt x="2922" y="535"/>
                    <a:pt x="2842" y="0"/>
                    <a:pt x="2842"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0" name="Google Shape;290;p24"/>
            <p:cNvSpPr/>
            <p:nvPr/>
          </p:nvSpPr>
          <p:spPr>
            <a:xfrm>
              <a:off x="1081847" y="2616371"/>
              <a:ext cx="183284" cy="503940"/>
            </a:xfrm>
            <a:custGeom>
              <a:avLst/>
              <a:gdLst/>
              <a:ahLst/>
              <a:cxnLst/>
              <a:rect l="l" t="t" r="r" b="b"/>
              <a:pathLst>
                <a:path w="3034" h="8342" extrusionOk="0">
                  <a:moveTo>
                    <a:pt x="81" y="0"/>
                  </a:moveTo>
                  <a:cubicBezTo>
                    <a:pt x="81" y="0"/>
                    <a:pt x="1" y="536"/>
                    <a:pt x="24" y="828"/>
                  </a:cubicBezTo>
                  <a:cubicBezTo>
                    <a:pt x="46" y="1121"/>
                    <a:pt x="237" y="3216"/>
                    <a:pt x="237" y="3216"/>
                  </a:cubicBezTo>
                  <a:lnTo>
                    <a:pt x="1276" y="6492"/>
                  </a:lnTo>
                  <a:lnTo>
                    <a:pt x="2883" y="8342"/>
                  </a:lnTo>
                  <a:lnTo>
                    <a:pt x="3013" y="6478"/>
                  </a:lnTo>
                  <a:cubicBezTo>
                    <a:pt x="3034" y="6175"/>
                    <a:pt x="2983" y="5870"/>
                    <a:pt x="2862" y="5592"/>
                  </a:cubicBezTo>
                  <a:cubicBezTo>
                    <a:pt x="2195" y="4063"/>
                    <a:pt x="1893" y="2665"/>
                    <a:pt x="1758" y="1829"/>
                  </a:cubicBezTo>
                  <a:cubicBezTo>
                    <a:pt x="1674" y="1298"/>
                    <a:pt x="1364" y="831"/>
                    <a:pt x="914" y="540"/>
                  </a:cubicBezTo>
                  <a:lnTo>
                    <a:pt x="81"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1" name="Google Shape;291;p24"/>
            <p:cNvSpPr/>
            <p:nvPr/>
          </p:nvSpPr>
          <p:spPr>
            <a:xfrm>
              <a:off x="1081847" y="2616371"/>
              <a:ext cx="176639" cy="503880"/>
            </a:xfrm>
            <a:custGeom>
              <a:avLst/>
              <a:gdLst/>
              <a:ahLst/>
              <a:cxnLst/>
              <a:rect l="l" t="t" r="r" b="b"/>
              <a:pathLst>
                <a:path w="2924" h="8341" extrusionOk="0">
                  <a:moveTo>
                    <a:pt x="81" y="0"/>
                  </a:moveTo>
                  <a:cubicBezTo>
                    <a:pt x="81" y="0"/>
                    <a:pt x="1" y="536"/>
                    <a:pt x="24" y="828"/>
                  </a:cubicBezTo>
                  <a:cubicBezTo>
                    <a:pt x="46" y="1120"/>
                    <a:pt x="237" y="3216"/>
                    <a:pt x="237" y="3216"/>
                  </a:cubicBezTo>
                  <a:lnTo>
                    <a:pt x="1276" y="6492"/>
                  </a:lnTo>
                  <a:lnTo>
                    <a:pt x="2883" y="8341"/>
                  </a:lnTo>
                  <a:lnTo>
                    <a:pt x="2923" y="7764"/>
                  </a:lnTo>
                  <a:cubicBezTo>
                    <a:pt x="1521" y="5572"/>
                    <a:pt x="753" y="3027"/>
                    <a:pt x="720" y="414"/>
                  </a:cubicBezTo>
                  <a:lnTo>
                    <a:pt x="81"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2" name="Google Shape;292;p24"/>
            <p:cNvSpPr/>
            <p:nvPr/>
          </p:nvSpPr>
          <p:spPr>
            <a:xfrm>
              <a:off x="1030620" y="2344591"/>
              <a:ext cx="145588" cy="194822"/>
            </a:xfrm>
            <a:custGeom>
              <a:avLst/>
              <a:gdLst/>
              <a:ahLst/>
              <a:cxnLst/>
              <a:rect l="l" t="t" r="r" b="b"/>
              <a:pathLst>
                <a:path w="2410" h="3225" extrusionOk="0">
                  <a:moveTo>
                    <a:pt x="1755" y="0"/>
                  </a:moveTo>
                  <a:cubicBezTo>
                    <a:pt x="1549" y="0"/>
                    <a:pt x="1350" y="112"/>
                    <a:pt x="1247" y="306"/>
                  </a:cubicBezTo>
                  <a:lnTo>
                    <a:pt x="149" y="2382"/>
                  </a:lnTo>
                  <a:cubicBezTo>
                    <a:pt x="0" y="2663"/>
                    <a:pt x="108" y="3011"/>
                    <a:pt x="388" y="3158"/>
                  </a:cubicBezTo>
                  <a:cubicBezTo>
                    <a:pt x="473" y="3204"/>
                    <a:pt x="565" y="3225"/>
                    <a:pt x="656" y="3225"/>
                  </a:cubicBezTo>
                  <a:cubicBezTo>
                    <a:pt x="862" y="3225"/>
                    <a:pt x="1061" y="3114"/>
                    <a:pt x="1164" y="2920"/>
                  </a:cubicBezTo>
                  <a:lnTo>
                    <a:pt x="2262" y="843"/>
                  </a:lnTo>
                  <a:cubicBezTo>
                    <a:pt x="2410" y="563"/>
                    <a:pt x="2302" y="215"/>
                    <a:pt x="2022" y="67"/>
                  </a:cubicBezTo>
                  <a:cubicBezTo>
                    <a:pt x="1937" y="22"/>
                    <a:pt x="1845" y="0"/>
                    <a:pt x="1755"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3" name="Google Shape;293;p24"/>
            <p:cNvSpPr/>
            <p:nvPr/>
          </p:nvSpPr>
          <p:spPr>
            <a:xfrm>
              <a:off x="2227503" y="2344591"/>
              <a:ext cx="145649" cy="194822"/>
            </a:xfrm>
            <a:custGeom>
              <a:avLst/>
              <a:gdLst/>
              <a:ahLst/>
              <a:cxnLst/>
              <a:rect l="l" t="t" r="r" b="b"/>
              <a:pathLst>
                <a:path w="2411" h="3225" extrusionOk="0">
                  <a:moveTo>
                    <a:pt x="655" y="0"/>
                  </a:moveTo>
                  <a:cubicBezTo>
                    <a:pt x="565" y="0"/>
                    <a:pt x="474" y="22"/>
                    <a:pt x="388" y="67"/>
                  </a:cubicBezTo>
                  <a:cubicBezTo>
                    <a:pt x="108" y="215"/>
                    <a:pt x="1" y="563"/>
                    <a:pt x="149" y="843"/>
                  </a:cubicBezTo>
                  <a:lnTo>
                    <a:pt x="1247" y="2920"/>
                  </a:lnTo>
                  <a:cubicBezTo>
                    <a:pt x="1350" y="3114"/>
                    <a:pt x="1549" y="3225"/>
                    <a:pt x="1755" y="3225"/>
                  </a:cubicBezTo>
                  <a:cubicBezTo>
                    <a:pt x="1845" y="3225"/>
                    <a:pt x="1937" y="3204"/>
                    <a:pt x="2023" y="3158"/>
                  </a:cubicBezTo>
                  <a:cubicBezTo>
                    <a:pt x="2303" y="3011"/>
                    <a:pt x="2410" y="2663"/>
                    <a:pt x="2261" y="2382"/>
                  </a:cubicBezTo>
                  <a:lnTo>
                    <a:pt x="1164" y="306"/>
                  </a:lnTo>
                  <a:cubicBezTo>
                    <a:pt x="1061" y="112"/>
                    <a:pt x="862" y="0"/>
                    <a:pt x="655"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4" name="Google Shape;294;p24"/>
            <p:cNvSpPr/>
            <p:nvPr/>
          </p:nvSpPr>
          <p:spPr>
            <a:xfrm>
              <a:off x="2083729" y="2474229"/>
              <a:ext cx="294438" cy="770711"/>
            </a:xfrm>
            <a:custGeom>
              <a:avLst/>
              <a:gdLst/>
              <a:ahLst/>
              <a:cxnLst/>
              <a:rect l="l" t="t" r="r" b="b"/>
              <a:pathLst>
                <a:path w="4874" h="12758" extrusionOk="0">
                  <a:moveTo>
                    <a:pt x="4180" y="0"/>
                  </a:moveTo>
                  <a:cubicBezTo>
                    <a:pt x="3935" y="0"/>
                    <a:pt x="3708" y="159"/>
                    <a:pt x="3633" y="406"/>
                  </a:cubicBezTo>
                  <a:lnTo>
                    <a:pt x="3685" y="2127"/>
                  </a:lnTo>
                  <a:cubicBezTo>
                    <a:pt x="3787" y="5427"/>
                    <a:pt x="2717" y="8657"/>
                    <a:pt x="664" y="11244"/>
                  </a:cubicBezTo>
                  <a:lnTo>
                    <a:pt x="183" y="11852"/>
                  </a:lnTo>
                  <a:cubicBezTo>
                    <a:pt x="9" y="12070"/>
                    <a:pt x="0" y="12396"/>
                    <a:pt x="200" y="12593"/>
                  </a:cubicBezTo>
                  <a:cubicBezTo>
                    <a:pt x="263" y="12656"/>
                    <a:pt x="342" y="12703"/>
                    <a:pt x="433" y="12732"/>
                  </a:cubicBezTo>
                  <a:cubicBezTo>
                    <a:pt x="489" y="12750"/>
                    <a:pt x="546" y="12758"/>
                    <a:pt x="602" y="12758"/>
                  </a:cubicBezTo>
                  <a:cubicBezTo>
                    <a:pt x="817" y="12758"/>
                    <a:pt x="1019" y="12636"/>
                    <a:pt x="1117" y="12440"/>
                  </a:cubicBezTo>
                  <a:cubicBezTo>
                    <a:pt x="1143" y="12384"/>
                    <a:pt x="1170" y="12328"/>
                    <a:pt x="1209" y="12280"/>
                  </a:cubicBezTo>
                  <a:lnTo>
                    <a:pt x="1732" y="11625"/>
                  </a:lnTo>
                  <a:cubicBezTo>
                    <a:pt x="3793" y="9042"/>
                    <a:pt x="4873" y="5812"/>
                    <a:pt x="4779" y="2507"/>
                  </a:cubicBezTo>
                  <a:lnTo>
                    <a:pt x="4729" y="744"/>
                  </a:lnTo>
                  <a:cubicBezTo>
                    <a:pt x="4822" y="441"/>
                    <a:pt x="4653" y="119"/>
                    <a:pt x="4350" y="26"/>
                  </a:cubicBezTo>
                  <a:cubicBezTo>
                    <a:pt x="4293" y="9"/>
                    <a:pt x="4236" y="0"/>
                    <a:pt x="4180"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5" name="Google Shape;295;p24"/>
            <p:cNvSpPr/>
            <p:nvPr/>
          </p:nvSpPr>
          <p:spPr>
            <a:xfrm>
              <a:off x="554899" y="926310"/>
              <a:ext cx="871112" cy="1475998"/>
            </a:xfrm>
            <a:custGeom>
              <a:avLst/>
              <a:gdLst/>
              <a:ahLst/>
              <a:cxnLst/>
              <a:rect l="l" t="t" r="r" b="b"/>
              <a:pathLst>
                <a:path w="14420" h="24433" extrusionOk="0">
                  <a:moveTo>
                    <a:pt x="15" y="0"/>
                  </a:moveTo>
                  <a:lnTo>
                    <a:pt x="15" y="0"/>
                  </a:lnTo>
                  <a:cubicBezTo>
                    <a:pt x="13" y="109"/>
                    <a:pt x="1" y="2664"/>
                    <a:pt x="1804" y="4492"/>
                  </a:cubicBezTo>
                  <a:cubicBezTo>
                    <a:pt x="2958" y="5661"/>
                    <a:pt x="4580" y="6253"/>
                    <a:pt x="6624" y="6253"/>
                  </a:cubicBezTo>
                  <a:cubicBezTo>
                    <a:pt x="7439" y="6253"/>
                    <a:pt x="8058" y="6261"/>
                    <a:pt x="8528" y="6273"/>
                  </a:cubicBezTo>
                  <a:lnTo>
                    <a:pt x="8523" y="6353"/>
                  </a:lnTo>
                  <a:cubicBezTo>
                    <a:pt x="8493" y="6873"/>
                    <a:pt x="7821" y="19149"/>
                    <a:pt x="11603" y="23158"/>
                  </a:cubicBezTo>
                  <a:cubicBezTo>
                    <a:pt x="12401" y="24004"/>
                    <a:pt x="13348" y="24433"/>
                    <a:pt x="14419" y="24433"/>
                  </a:cubicBezTo>
                  <a:lnTo>
                    <a:pt x="14419" y="23758"/>
                  </a:lnTo>
                  <a:cubicBezTo>
                    <a:pt x="13528" y="23758"/>
                    <a:pt x="12769" y="23409"/>
                    <a:pt x="12094" y="22695"/>
                  </a:cubicBezTo>
                  <a:cubicBezTo>
                    <a:pt x="8815" y="19219"/>
                    <a:pt x="9106" y="8551"/>
                    <a:pt x="9185" y="6675"/>
                  </a:cubicBezTo>
                  <a:cubicBezTo>
                    <a:pt x="10337" y="6532"/>
                    <a:pt x="10526" y="6397"/>
                    <a:pt x="10508" y="6081"/>
                  </a:cubicBezTo>
                  <a:cubicBezTo>
                    <a:pt x="10487" y="5704"/>
                    <a:pt x="10480" y="5578"/>
                    <a:pt x="6624" y="5578"/>
                  </a:cubicBezTo>
                  <a:cubicBezTo>
                    <a:pt x="4770" y="5578"/>
                    <a:pt x="3312" y="5055"/>
                    <a:pt x="2290" y="4023"/>
                  </a:cubicBezTo>
                  <a:cubicBezTo>
                    <a:pt x="684" y="2400"/>
                    <a:pt x="690" y="33"/>
                    <a:pt x="690" y="9"/>
                  </a:cubicBezTo>
                  <a:lnTo>
                    <a:pt x="15"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6" name="Google Shape;296;p24"/>
            <p:cNvSpPr/>
            <p:nvPr/>
          </p:nvSpPr>
          <p:spPr>
            <a:xfrm>
              <a:off x="2227321" y="2334382"/>
              <a:ext cx="68082" cy="68082"/>
            </a:xfrm>
            <a:custGeom>
              <a:avLst/>
              <a:gdLst/>
              <a:ahLst/>
              <a:cxnLst/>
              <a:rect l="l" t="t" r="r" b="b"/>
              <a:pathLst>
                <a:path w="1127" h="1127" extrusionOk="0">
                  <a:moveTo>
                    <a:pt x="1" y="1"/>
                  </a:moveTo>
                  <a:lnTo>
                    <a:pt x="1" y="1127"/>
                  </a:lnTo>
                  <a:lnTo>
                    <a:pt x="563" y="1127"/>
                  </a:lnTo>
                  <a:cubicBezTo>
                    <a:pt x="874" y="1127"/>
                    <a:pt x="1126" y="874"/>
                    <a:pt x="1126" y="563"/>
                  </a:cubicBezTo>
                  <a:cubicBezTo>
                    <a:pt x="1126" y="253"/>
                    <a:pt x="874" y="1"/>
                    <a:pt x="563" y="1"/>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7" name="Google Shape;297;p24"/>
            <p:cNvSpPr/>
            <p:nvPr/>
          </p:nvSpPr>
          <p:spPr>
            <a:xfrm>
              <a:off x="1971127" y="2316561"/>
              <a:ext cx="256259" cy="103784"/>
            </a:xfrm>
            <a:custGeom>
              <a:avLst/>
              <a:gdLst/>
              <a:ahLst/>
              <a:cxnLst/>
              <a:rect l="l" t="t" r="r" b="b"/>
              <a:pathLst>
                <a:path w="4242" h="1718" extrusionOk="0">
                  <a:moveTo>
                    <a:pt x="1" y="0"/>
                  </a:moveTo>
                  <a:lnTo>
                    <a:pt x="1" y="1717"/>
                  </a:lnTo>
                  <a:lnTo>
                    <a:pt x="4242" y="1717"/>
                  </a:lnTo>
                  <a:lnTo>
                    <a:pt x="4242"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8" name="Google Shape;298;p24"/>
            <p:cNvSpPr/>
            <p:nvPr/>
          </p:nvSpPr>
          <p:spPr>
            <a:xfrm>
              <a:off x="2227321" y="2334382"/>
              <a:ext cx="12384" cy="68082"/>
            </a:xfrm>
            <a:custGeom>
              <a:avLst/>
              <a:gdLst/>
              <a:ahLst/>
              <a:cxnLst/>
              <a:rect l="l" t="t" r="r" b="b"/>
              <a:pathLst>
                <a:path w="205" h="1127" extrusionOk="0">
                  <a:moveTo>
                    <a:pt x="1" y="1"/>
                  </a:moveTo>
                  <a:lnTo>
                    <a:pt x="1" y="1127"/>
                  </a:lnTo>
                  <a:lnTo>
                    <a:pt x="204" y="1127"/>
                  </a:lnTo>
                  <a:lnTo>
                    <a:pt x="204"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9" name="Google Shape;299;p24"/>
            <p:cNvSpPr/>
            <p:nvPr/>
          </p:nvSpPr>
          <p:spPr>
            <a:xfrm>
              <a:off x="125995" y="539451"/>
              <a:ext cx="5432759" cy="387161"/>
            </a:xfrm>
            <a:custGeom>
              <a:avLst/>
              <a:gdLst/>
              <a:ahLst/>
              <a:cxnLst/>
              <a:rect l="l" t="t" r="r" b="b"/>
              <a:pathLst>
                <a:path w="89933" h="6409" extrusionOk="0">
                  <a:moveTo>
                    <a:pt x="0" y="1"/>
                  </a:moveTo>
                  <a:lnTo>
                    <a:pt x="0" y="6409"/>
                  </a:lnTo>
                  <a:lnTo>
                    <a:pt x="89933" y="6409"/>
                  </a:lnTo>
                  <a:lnTo>
                    <a:pt x="89933"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0" name="Google Shape;300;p24"/>
            <p:cNvSpPr/>
            <p:nvPr/>
          </p:nvSpPr>
          <p:spPr>
            <a:xfrm>
              <a:off x="125995" y="619674"/>
              <a:ext cx="5432759" cy="226836"/>
            </a:xfrm>
            <a:custGeom>
              <a:avLst/>
              <a:gdLst/>
              <a:ahLst/>
              <a:cxnLst/>
              <a:rect l="l" t="t" r="r" b="b"/>
              <a:pathLst>
                <a:path w="89933" h="3755" extrusionOk="0">
                  <a:moveTo>
                    <a:pt x="0" y="0"/>
                  </a:moveTo>
                  <a:lnTo>
                    <a:pt x="0" y="3754"/>
                  </a:lnTo>
                  <a:lnTo>
                    <a:pt x="89933" y="3754"/>
                  </a:lnTo>
                  <a:lnTo>
                    <a:pt x="89933"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1" name="Google Shape;301;p24"/>
            <p:cNvSpPr/>
            <p:nvPr/>
          </p:nvSpPr>
          <p:spPr>
            <a:xfrm>
              <a:off x="990146" y="846449"/>
              <a:ext cx="57873" cy="80164"/>
            </a:xfrm>
            <a:custGeom>
              <a:avLst/>
              <a:gdLst/>
              <a:ahLst/>
              <a:cxnLst/>
              <a:rect l="l" t="t" r="r" b="b"/>
              <a:pathLst>
                <a:path w="958" h="1327" extrusionOk="0">
                  <a:moveTo>
                    <a:pt x="0" y="0"/>
                  </a:moveTo>
                  <a:lnTo>
                    <a:pt x="0" y="1327"/>
                  </a:lnTo>
                  <a:lnTo>
                    <a:pt x="958" y="1327"/>
                  </a:lnTo>
                  <a:lnTo>
                    <a:pt x="958"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2" name="Google Shape;302;p24"/>
            <p:cNvSpPr/>
            <p:nvPr/>
          </p:nvSpPr>
          <p:spPr>
            <a:xfrm>
              <a:off x="2358832" y="846449"/>
              <a:ext cx="57933" cy="80164"/>
            </a:xfrm>
            <a:custGeom>
              <a:avLst/>
              <a:gdLst/>
              <a:ahLst/>
              <a:cxnLst/>
              <a:rect l="l" t="t" r="r" b="b"/>
              <a:pathLst>
                <a:path w="959" h="1327" extrusionOk="0">
                  <a:moveTo>
                    <a:pt x="1" y="0"/>
                  </a:moveTo>
                  <a:lnTo>
                    <a:pt x="1" y="1327"/>
                  </a:lnTo>
                  <a:lnTo>
                    <a:pt x="959" y="1327"/>
                  </a:lnTo>
                  <a:lnTo>
                    <a:pt x="95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3" name="Google Shape;303;p24"/>
            <p:cNvSpPr/>
            <p:nvPr/>
          </p:nvSpPr>
          <p:spPr>
            <a:xfrm>
              <a:off x="2204185" y="622271"/>
              <a:ext cx="224242" cy="224242"/>
            </a:xfrm>
            <a:custGeom>
              <a:avLst/>
              <a:gdLst/>
              <a:ahLst/>
              <a:cxnLst/>
              <a:rect l="l" t="t" r="r" b="b"/>
              <a:pathLst>
                <a:path w="3712" h="3712" extrusionOk="0">
                  <a:moveTo>
                    <a:pt x="1856" y="0"/>
                  </a:moveTo>
                  <a:cubicBezTo>
                    <a:pt x="831" y="0"/>
                    <a:pt x="0" y="832"/>
                    <a:pt x="0" y="1856"/>
                  </a:cubicBezTo>
                  <a:cubicBezTo>
                    <a:pt x="0" y="2880"/>
                    <a:pt x="831" y="3711"/>
                    <a:pt x="1856" y="3711"/>
                  </a:cubicBezTo>
                  <a:cubicBezTo>
                    <a:pt x="2880" y="3711"/>
                    <a:pt x="3711" y="2880"/>
                    <a:pt x="3711" y="1856"/>
                  </a:cubicBezTo>
                  <a:cubicBezTo>
                    <a:pt x="3711" y="832"/>
                    <a:pt x="2880" y="0"/>
                    <a:pt x="185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4" name="Google Shape;304;p24"/>
            <p:cNvSpPr/>
            <p:nvPr/>
          </p:nvSpPr>
          <p:spPr>
            <a:xfrm>
              <a:off x="2226234" y="644320"/>
              <a:ext cx="180143" cy="180143"/>
            </a:xfrm>
            <a:custGeom>
              <a:avLst/>
              <a:gdLst/>
              <a:ahLst/>
              <a:cxnLst/>
              <a:rect l="l" t="t" r="r" b="b"/>
              <a:pathLst>
                <a:path w="2982" h="2982" extrusionOk="0">
                  <a:moveTo>
                    <a:pt x="1491" y="0"/>
                  </a:moveTo>
                  <a:cubicBezTo>
                    <a:pt x="668" y="0"/>
                    <a:pt x="0" y="668"/>
                    <a:pt x="0" y="1491"/>
                  </a:cubicBezTo>
                  <a:cubicBezTo>
                    <a:pt x="0" y="2315"/>
                    <a:pt x="668" y="2982"/>
                    <a:pt x="1491" y="2982"/>
                  </a:cubicBezTo>
                  <a:cubicBezTo>
                    <a:pt x="2313" y="2982"/>
                    <a:pt x="2981" y="2315"/>
                    <a:pt x="2981" y="1491"/>
                  </a:cubicBezTo>
                  <a:cubicBezTo>
                    <a:pt x="2981" y="668"/>
                    <a:pt x="2313" y="0"/>
                    <a:pt x="1491"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5" name="Google Shape;305;p24"/>
            <p:cNvSpPr/>
            <p:nvPr/>
          </p:nvSpPr>
          <p:spPr>
            <a:xfrm>
              <a:off x="999388" y="622271"/>
              <a:ext cx="224242" cy="224242"/>
            </a:xfrm>
            <a:custGeom>
              <a:avLst/>
              <a:gdLst/>
              <a:ahLst/>
              <a:cxnLst/>
              <a:rect l="l" t="t" r="r" b="b"/>
              <a:pathLst>
                <a:path w="3712" h="3712" extrusionOk="0">
                  <a:moveTo>
                    <a:pt x="1856" y="0"/>
                  </a:moveTo>
                  <a:cubicBezTo>
                    <a:pt x="831" y="0"/>
                    <a:pt x="0" y="832"/>
                    <a:pt x="0" y="1856"/>
                  </a:cubicBezTo>
                  <a:cubicBezTo>
                    <a:pt x="0" y="2880"/>
                    <a:pt x="831" y="3711"/>
                    <a:pt x="1856" y="3711"/>
                  </a:cubicBezTo>
                  <a:cubicBezTo>
                    <a:pt x="2880" y="3711"/>
                    <a:pt x="3711" y="2880"/>
                    <a:pt x="3711" y="1856"/>
                  </a:cubicBezTo>
                  <a:cubicBezTo>
                    <a:pt x="3711" y="832"/>
                    <a:pt x="2880" y="0"/>
                    <a:pt x="185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6" name="Google Shape;306;p24"/>
            <p:cNvSpPr/>
            <p:nvPr/>
          </p:nvSpPr>
          <p:spPr>
            <a:xfrm>
              <a:off x="1021438" y="644320"/>
              <a:ext cx="180143" cy="180143"/>
            </a:xfrm>
            <a:custGeom>
              <a:avLst/>
              <a:gdLst/>
              <a:ahLst/>
              <a:cxnLst/>
              <a:rect l="l" t="t" r="r" b="b"/>
              <a:pathLst>
                <a:path w="2982" h="2982" extrusionOk="0">
                  <a:moveTo>
                    <a:pt x="1491" y="0"/>
                  </a:moveTo>
                  <a:cubicBezTo>
                    <a:pt x="668" y="0"/>
                    <a:pt x="0" y="668"/>
                    <a:pt x="0" y="1491"/>
                  </a:cubicBezTo>
                  <a:cubicBezTo>
                    <a:pt x="0" y="2315"/>
                    <a:pt x="668" y="2982"/>
                    <a:pt x="1491" y="2982"/>
                  </a:cubicBezTo>
                  <a:cubicBezTo>
                    <a:pt x="2314" y="2982"/>
                    <a:pt x="2981" y="2315"/>
                    <a:pt x="2981" y="1491"/>
                  </a:cubicBezTo>
                  <a:cubicBezTo>
                    <a:pt x="2981" y="668"/>
                    <a:pt x="2314" y="0"/>
                    <a:pt x="1491"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7" name="Google Shape;307;p24"/>
            <p:cNvSpPr/>
            <p:nvPr/>
          </p:nvSpPr>
          <p:spPr>
            <a:xfrm>
              <a:off x="1591336" y="622271"/>
              <a:ext cx="224242" cy="224242"/>
            </a:xfrm>
            <a:custGeom>
              <a:avLst/>
              <a:gdLst/>
              <a:ahLst/>
              <a:cxnLst/>
              <a:rect l="l" t="t" r="r" b="b"/>
              <a:pathLst>
                <a:path w="3712" h="3712" extrusionOk="0">
                  <a:moveTo>
                    <a:pt x="1856" y="0"/>
                  </a:moveTo>
                  <a:cubicBezTo>
                    <a:pt x="832" y="0"/>
                    <a:pt x="1" y="832"/>
                    <a:pt x="1" y="1856"/>
                  </a:cubicBezTo>
                  <a:cubicBezTo>
                    <a:pt x="1" y="2880"/>
                    <a:pt x="831" y="3711"/>
                    <a:pt x="1856" y="3711"/>
                  </a:cubicBezTo>
                  <a:cubicBezTo>
                    <a:pt x="2881" y="3711"/>
                    <a:pt x="3712" y="2880"/>
                    <a:pt x="3712" y="1856"/>
                  </a:cubicBezTo>
                  <a:cubicBezTo>
                    <a:pt x="3712" y="832"/>
                    <a:pt x="2881" y="0"/>
                    <a:pt x="185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8" name="Google Shape;308;p24"/>
            <p:cNvSpPr/>
            <p:nvPr/>
          </p:nvSpPr>
          <p:spPr>
            <a:xfrm>
              <a:off x="1613385" y="644320"/>
              <a:ext cx="180143" cy="180143"/>
            </a:xfrm>
            <a:custGeom>
              <a:avLst/>
              <a:gdLst/>
              <a:ahLst/>
              <a:cxnLst/>
              <a:rect l="l" t="t" r="r" b="b"/>
              <a:pathLst>
                <a:path w="2982" h="2982" extrusionOk="0">
                  <a:moveTo>
                    <a:pt x="1491" y="0"/>
                  </a:moveTo>
                  <a:cubicBezTo>
                    <a:pt x="667" y="0"/>
                    <a:pt x="1" y="668"/>
                    <a:pt x="1" y="1491"/>
                  </a:cubicBezTo>
                  <a:cubicBezTo>
                    <a:pt x="1" y="2315"/>
                    <a:pt x="667" y="2982"/>
                    <a:pt x="1491" y="2982"/>
                  </a:cubicBezTo>
                  <a:cubicBezTo>
                    <a:pt x="2314" y="2982"/>
                    <a:pt x="2982" y="2315"/>
                    <a:pt x="2982" y="1491"/>
                  </a:cubicBezTo>
                  <a:cubicBezTo>
                    <a:pt x="2982" y="668"/>
                    <a:pt x="2314" y="0"/>
                    <a:pt x="1491"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9" name="Google Shape;309;p24"/>
            <p:cNvSpPr/>
            <p:nvPr/>
          </p:nvSpPr>
          <p:spPr>
            <a:xfrm>
              <a:off x="1047957" y="692346"/>
              <a:ext cx="1311018" cy="543932"/>
            </a:xfrm>
            <a:custGeom>
              <a:avLst/>
              <a:gdLst/>
              <a:ahLst/>
              <a:cxnLst/>
              <a:rect l="l" t="t" r="r" b="b"/>
              <a:pathLst>
                <a:path w="21702" h="9004" extrusionOk="0">
                  <a:moveTo>
                    <a:pt x="770" y="0"/>
                  </a:moveTo>
                  <a:cubicBezTo>
                    <a:pt x="345" y="0"/>
                    <a:pt x="1" y="344"/>
                    <a:pt x="1" y="769"/>
                  </a:cubicBezTo>
                  <a:lnTo>
                    <a:pt x="1" y="9004"/>
                  </a:lnTo>
                  <a:lnTo>
                    <a:pt x="21702" y="9004"/>
                  </a:lnTo>
                  <a:lnTo>
                    <a:pt x="21702" y="769"/>
                  </a:lnTo>
                  <a:cubicBezTo>
                    <a:pt x="21702" y="344"/>
                    <a:pt x="21356" y="0"/>
                    <a:pt x="20933"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0" name="Google Shape;310;p24"/>
            <p:cNvSpPr/>
            <p:nvPr/>
          </p:nvSpPr>
          <p:spPr>
            <a:xfrm>
              <a:off x="2294919" y="713066"/>
              <a:ext cx="42770" cy="42710"/>
            </a:xfrm>
            <a:custGeom>
              <a:avLst/>
              <a:gdLst/>
              <a:ahLst/>
              <a:cxnLst/>
              <a:rect l="l" t="t" r="r" b="b"/>
              <a:pathLst>
                <a:path w="708" h="707" extrusionOk="0">
                  <a:moveTo>
                    <a:pt x="354" y="0"/>
                  </a:moveTo>
                  <a:cubicBezTo>
                    <a:pt x="158" y="0"/>
                    <a:pt x="0" y="159"/>
                    <a:pt x="0" y="353"/>
                  </a:cubicBezTo>
                  <a:cubicBezTo>
                    <a:pt x="0" y="548"/>
                    <a:pt x="158" y="706"/>
                    <a:pt x="354" y="706"/>
                  </a:cubicBezTo>
                  <a:cubicBezTo>
                    <a:pt x="549" y="706"/>
                    <a:pt x="707" y="548"/>
                    <a:pt x="707" y="353"/>
                  </a:cubicBezTo>
                  <a:cubicBezTo>
                    <a:pt x="707" y="159"/>
                    <a:pt x="549" y="0"/>
                    <a:pt x="354"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1" name="Google Shape;311;p24"/>
            <p:cNvSpPr/>
            <p:nvPr/>
          </p:nvSpPr>
          <p:spPr>
            <a:xfrm>
              <a:off x="1682070" y="713066"/>
              <a:ext cx="42710" cy="42710"/>
            </a:xfrm>
            <a:custGeom>
              <a:avLst/>
              <a:gdLst/>
              <a:ahLst/>
              <a:cxnLst/>
              <a:rect l="l" t="t" r="r" b="b"/>
              <a:pathLst>
                <a:path w="707" h="707" extrusionOk="0">
                  <a:moveTo>
                    <a:pt x="356" y="0"/>
                  </a:moveTo>
                  <a:cubicBezTo>
                    <a:pt x="355" y="0"/>
                    <a:pt x="355" y="0"/>
                    <a:pt x="354" y="0"/>
                  </a:cubicBezTo>
                  <a:cubicBezTo>
                    <a:pt x="159" y="0"/>
                    <a:pt x="1" y="159"/>
                    <a:pt x="1" y="353"/>
                  </a:cubicBezTo>
                  <a:cubicBezTo>
                    <a:pt x="1" y="548"/>
                    <a:pt x="159" y="706"/>
                    <a:pt x="354" y="706"/>
                  </a:cubicBezTo>
                  <a:cubicBezTo>
                    <a:pt x="548" y="706"/>
                    <a:pt x="707" y="548"/>
                    <a:pt x="707" y="353"/>
                  </a:cubicBezTo>
                  <a:cubicBezTo>
                    <a:pt x="707" y="159"/>
                    <a:pt x="549" y="0"/>
                    <a:pt x="35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2" name="Google Shape;312;p24"/>
            <p:cNvSpPr/>
            <p:nvPr/>
          </p:nvSpPr>
          <p:spPr>
            <a:xfrm>
              <a:off x="1090123" y="713066"/>
              <a:ext cx="42770" cy="42710"/>
            </a:xfrm>
            <a:custGeom>
              <a:avLst/>
              <a:gdLst/>
              <a:ahLst/>
              <a:cxnLst/>
              <a:rect l="l" t="t" r="r" b="b"/>
              <a:pathLst>
                <a:path w="708" h="707" extrusionOk="0">
                  <a:moveTo>
                    <a:pt x="354" y="0"/>
                  </a:moveTo>
                  <a:cubicBezTo>
                    <a:pt x="158" y="0"/>
                    <a:pt x="0" y="159"/>
                    <a:pt x="0" y="353"/>
                  </a:cubicBezTo>
                  <a:cubicBezTo>
                    <a:pt x="0" y="548"/>
                    <a:pt x="158" y="706"/>
                    <a:pt x="354" y="706"/>
                  </a:cubicBezTo>
                  <a:cubicBezTo>
                    <a:pt x="549" y="706"/>
                    <a:pt x="707" y="548"/>
                    <a:pt x="707" y="353"/>
                  </a:cubicBezTo>
                  <a:cubicBezTo>
                    <a:pt x="707" y="159"/>
                    <a:pt x="549" y="0"/>
                    <a:pt x="354"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3" name="Google Shape;313;p24"/>
            <p:cNvSpPr/>
            <p:nvPr/>
          </p:nvSpPr>
          <p:spPr>
            <a:xfrm>
              <a:off x="955048" y="1162569"/>
              <a:ext cx="1496779" cy="73700"/>
            </a:xfrm>
            <a:custGeom>
              <a:avLst/>
              <a:gdLst/>
              <a:ahLst/>
              <a:cxnLst/>
              <a:rect l="l" t="t" r="r" b="b"/>
              <a:pathLst>
                <a:path w="24777" h="1220" extrusionOk="0">
                  <a:moveTo>
                    <a:pt x="0" y="1"/>
                  </a:moveTo>
                  <a:lnTo>
                    <a:pt x="0" y="1220"/>
                  </a:lnTo>
                  <a:lnTo>
                    <a:pt x="24777" y="1220"/>
                  </a:lnTo>
                  <a:lnTo>
                    <a:pt x="24777"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4" name="Google Shape;314;p24"/>
            <p:cNvSpPr/>
            <p:nvPr/>
          </p:nvSpPr>
          <p:spPr>
            <a:xfrm>
              <a:off x="1242836" y="877016"/>
              <a:ext cx="74848" cy="285618"/>
            </a:xfrm>
            <a:custGeom>
              <a:avLst/>
              <a:gdLst/>
              <a:ahLst/>
              <a:cxnLst/>
              <a:rect l="l" t="t" r="r" b="b"/>
              <a:pathLst>
                <a:path w="1239" h="4728" extrusionOk="0">
                  <a:moveTo>
                    <a:pt x="1" y="1"/>
                  </a:moveTo>
                  <a:lnTo>
                    <a:pt x="1" y="4728"/>
                  </a:lnTo>
                  <a:lnTo>
                    <a:pt x="1238" y="4728"/>
                  </a:lnTo>
                  <a:lnTo>
                    <a:pt x="1238" y="1"/>
                  </a:lnTo>
                  <a:close/>
                </a:path>
              </a:pathLst>
            </a:custGeom>
            <a:solidFill>
              <a:srgbClr val="FFFFFF">
                <a:alpha val="3987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5" name="Google Shape;315;p24"/>
            <p:cNvSpPr/>
            <p:nvPr/>
          </p:nvSpPr>
          <p:spPr>
            <a:xfrm>
              <a:off x="1666001" y="877016"/>
              <a:ext cx="74908" cy="285618"/>
            </a:xfrm>
            <a:custGeom>
              <a:avLst/>
              <a:gdLst/>
              <a:ahLst/>
              <a:cxnLst/>
              <a:rect l="l" t="t" r="r" b="b"/>
              <a:pathLst>
                <a:path w="1240" h="4728" extrusionOk="0">
                  <a:moveTo>
                    <a:pt x="1" y="1"/>
                  </a:moveTo>
                  <a:lnTo>
                    <a:pt x="1" y="4728"/>
                  </a:lnTo>
                  <a:lnTo>
                    <a:pt x="1239" y="4728"/>
                  </a:lnTo>
                  <a:lnTo>
                    <a:pt x="1239" y="1"/>
                  </a:lnTo>
                  <a:close/>
                </a:path>
              </a:pathLst>
            </a:custGeom>
            <a:solidFill>
              <a:srgbClr val="FFFFFF">
                <a:alpha val="3987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6" name="Google Shape;316;p24"/>
            <p:cNvSpPr/>
            <p:nvPr/>
          </p:nvSpPr>
          <p:spPr>
            <a:xfrm>
              <a:off x="2089226" y="877016"/>
              <a:ext cx="74848" cy="285618"/>
            </a:xfrm>
            <a:custGeom>
              <a:avLst/>
              <a:gdLst/>
              <a:ahLst/>
              <a:cxnLst/>
              <a:rect l="l" t="t" r="r" b="b"/>
              <a:pathLst>
                <a:path w="1239" h="4728" extrusionOk="0">
                  <a:moveTo>
                    <a:pt x="0" y="1"/>
                  </a:moveTo>
                  <a:lnTo>
                    <a:pt x="0" y="4728"/>
                  </a:lnTo>
                  <a:lnTo>
                    <a:pt x="1239" y="4728"/>
                  </a:lnTo>
                  <a:lnTo>
                    <a:pt x="1239" y="1"/>
                  </a:lnTo>
                  <a:close/>
                </a:path>
              </a:pathLst>
            </a:custGeom>
            <a:solidFill>
              <a:srgbClr val="FFFFFF">
                <a:alpha val="3987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7" name="Google Shape;317;p24"/>
            <p:cNvSpPr/>
            <p:nvPr/>
          </p:nvSpPr>
          <p:spPr>
            <a:xfrm>
              <a:off x="1317623" y="877016"/>
              <a:ext cx="75331" cy="285618"/>
            </a:xfrm>
            <a:custGeom>
              <a:avLst/>
              <a:gdLst/>
              <a:ahLst/>
              <a:cxnLst/>
              <a:rect l="l" t="t" r="r" b="b"/>
              <a:pathLst>
                <a:path w="1247" h="4728" extrusionOk="0">
                  <a:moveTo>
                    <a:pt x="0" y="1"/>
                  </a:moveTo>
                  <a:lnTo>
                    <a:pt x="0" y="4728"/>
                  </a:lnTo>
                  <a:lnTo>
                    <a:pt x="1247" y="4728"/>
                  </a:lnTo>
                  <a:lnTo>
                    <a:pt x="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8" name="Google Shape;318;p24"/>
            <p:cNvSpPr/>
            <p:nvPr/>
          </p:nvSpPr>
          <p:spPr>
            <a:xfrm>
              <a:off x="1740848" y="877016"/>
              <a:ext cx="75331" cy="285618"/>
            </a:xfrm>
            <a:custGeom>
              <a:avLst/>
              <a:gdLst/>
              <a:ahLst/>
              <a:cxnLst/>
              <a:rect l="l" t="t" r="r" b="b"/>
              <a:pathLst>
                <a:path w="1247" h="4728" extrusionOk="0">
                  <a:moveTo>
                    <a:pt x="0" y="1"/>
                  </a:moveTo>
                  <a:lnTo>
                    <a:pt x="0" y="4728"/>
                  </a:lnTo>
                  <a:lnTo>
                    <a:pt x="1247" y="4728"/>
                  </a:lnTo>
                  <a:lnTo>
                    <a:pt x="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9" name="Google Shape;319;p24"/>
            <p:cNvSpPr/>
            <p:nvPr/>
          </p:nvSpPr>
          <p:spPr>
            <a:xfrm>
              <a:off x="2166489" y="877016"/>
              <a:ext cx="75392" cy="285618"/>
            </a:xfrm>
            <a:custGeom>
              <a:avLst/>
              <a:gdLst/>
              <a:ahLst/>
              <a:cxnLst/>
              <a:rect l="l" t="t" r="r" b="b"/>
              <a:pathLst>
                <a:path w="1248" h="4728" extrusionOk="0">
                  <a:moveTo>
                    <a:pt x="1" y="1"/>
                  </a:moveTo>
                  <a:lnTo>
                    <a:pt x="1" y="4728"/>
                  </a:lnTo>
                  <a:lnTo>
                    <a:pt x="1248" y="4728"/>
                  </a:lnTo>
                  <a:lnTo>
                    <a:pt x="1"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0" name="Google Shape;320;p24"/>
            <p:cNvSpPr/>
            <p:nvPr/>
          </p:nvSpPr>
          <p:spPr>
            <a:xfrm>
              <a:off x="2358832" y="877016"/>
              <a:ext cx="92971" cy="285618"/>
            </a:xfrm>
            <a:custGeom>
              <a:avLst/>
              <a:gdLst/>
              <a:ahLst/>
              <a:cxnLst/>
              <a:rect l="l" t="t" r="r" b="b"/>
              <a:pathLst>
                <a:path w="1539" h="4728" extrusionOk="0">
                  <a:moveTo>
                    <a:pt x="1" y="1"/>
                  </a:moveTo>
                  <a:lnTo>
                    <a:pt x="1" y="4728"/>
                  </a:lnTo>
                  <a:lnTo>
                    <a:pt x="1539" y="4728"/>
                  </a:lnTo>
                  <a:lnTo>
                    <a:pt x="545"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1" name="Google Shape;321;p24"/>
            <p:cNvSpPr/>
            <p:nvPr/>
          </p:nvSpPr>
          <p:spPr>
            <a:xfrm>
              <a:off x="955048" y="877016"/>
              <a:ext cx="92971" cy="285618"/>
            </a:xfrm>
            <a:custGeom>
              <a:avLst/>
              <a:gdLst/>
              <a:ahLst/>
              <a:cxnLst/>
              <a:rect l="l" t="t" r="r" b="b"/>
              <a:pathLst>
                <a:path w="1539" h="4728" extrusionOk="0">
                  <a:moveTo>
                    <a:pt x="995" y="1"/>
                  </a:moveTo>
                  <a:lnTo>
                    <a:pt x="0" y="4728"/>
                  </a:lnTo>
                  <a:lnTo>
                    <a:pt x="1539" y="4728"/>
                  </a:lnTo>
                  <a:lnTo>
                    <a:pt x="1539"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2" name="Google Shape;322;p24"/>
            <p:cNvSpPr/>
            <p:nvPr/>
          </p:nvSpPr>
          <p:spPr>
            <a:xfrm>
              <a:off x="955048" y="1236208"/>
              <a:ext cx="1496779" cy="150179"/>
            </a:xfrm>
            <a:custGeom>
              <a:avLst/>
              <a:gdLst/>
              <a:ahLst/>
              <a:cxnLst/>
              <a:rect l="l" t="t" r="r" b="b"/>
              <a:pathLst>
                <a:path w="24777" h="2486" extrusionOk="0">
                  <a:moveTo>
                    <a:pt x="0" y="1"/>
                  </a:moveTo>
                  <a:lnTo>
                    <a:pt x="0" y="2486"/>
                  </a:lnTo>
                  <a:lnTo>
                    <a:pt x="24777" y="2486"/>
                  </a:lnTo>
                  <a:lnTo>
                    <a:pt x="24777"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3" name="Google Shape;323;p24"/>
            <p:cNvSpPr/>
            <p:nvPr/>
          </p:nvSpPr>
          <p:spPr>
            <a:xfrm>
              <a:off x="1195113" y="1236208"/>
              <a:ext cx="1016640" cy="150179"/>
            </a:xfrm>
            <a:custGeom>
              <a:avLst/>
              <a:gdLst/>
              <a:ahLst/>
              <a:cxnLst/>
              <a:rect l="l" t="t" r="r" b="b"/>
              <a:pathLst>
                <a:path w="16829" h="2486" extrusionOk="0">
                  <a:moveTo>
                    <a:pt x="1" y="1"/>
                  </a:moveTo>
                  <a:lnTo>
                    <a:pt x="1" y="2486"/>
                  </a:lnTo>
                  <a:lnTo>
                    <a:pt x="16828" y="2486"/>
                  </a:lnTo>
                  <a:lnTo>
                    <a:pt x="16828"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4" name="Google Shape;324;p24"/>
            <p:cNvSpPr/>
            <p:nvPr/>
          </p:nvSpPr>
          <p:spPr>
            <a:xfrm>
              <a:off x="1242836" y="1283689"/>
              <a:ext cx="921253" cy="320233"/>
            </a:xfrm>
            <a:custGeom>
              <a:avLst/>
              <a:gdLst/>
              <a:ahLst/>
              <a:cxnLst/>
              <a:rect l="l" t="t" r="r" b="b"/>
              <a:pathLst>
                <a:path w="15250" h="5301" extrusionOk="0">
                  <a:moveTo>
                    <a:pt x="1" y="0"/>
                  </a:moveTo>
                  <a:lnTo>
                    <a:pt x="1" y="5301"/>
                  </a:lnTo>
                  <a:lnTo>
                    <a:pt x="15250" y="5301"/>
                  </a:lnTo>
                  <a:lnTo>
                    <a:pt x="1525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5" name="Google Shape;325;p24"/>
            <p:cNvSpPr/>
            <p:nvPr/>
          </p:nvSpPr>
          <p:spPr>
            <a:xfrm>
              <a:off x="1195113" y="1386324"/>
              <a:ext cx="47784" cy="217597"/>
            </a:xfrm>
            <a:custGeom>
              <a:avLst/>
              <a:gdLst/>
              <a:ahLst/>
              <a:cxnLst/>
              <a:rect l="l" t="t" r="r" b="b"/>
              <a:pathLst>
                <a:path w="791" h="3602" extrusionOk="0">
                  <a:moveTo>
                    <a:pt x="791" y="1"/>
                  </a:moveTo>
                  <a:cubicBezTo>
                    <a:pt x="354" y="1"/>
                    <a:pt x="1" y="354"/>
                    <a:pt x="1" y="789"/>
                  </a:cubicBezTo>
                  <a:lnTo>
                    <a:pt x="1" y="2812"/>
                  </a:lnTo>
                  <a:cubicBezTo>
                    <a:pt x="1" y="3248"/>
                    <a:pt x="354" y="3602"/>
                    <a:pt x="791" y="3602"/>
                  </a:cubicBezTo>
                  <a:lnTo>
                    <a:pt x="791"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6" name="Google Shape;326;p24"/>
            <p:cNvSpPr/>
            <p:nvPr/>
          </p:nvSpPr>
          <p:spPr>
            <a:xfrm>
              <a:off x="2164013" y="1386324"/>
              <a:ext cx="47724" cy="217597"/>
            </a:xfrm>
            <a:custGeom>
              <a:avLst/>
              <a:gdLst/>
              <a:ahLst/>
              <a:cxnLst/>
              <a:rect l="l" t="t" r="r" b="b"/>
              <a:pathLst>
                <a:path w="790" h="3602" extrusionOk="0">
                  <a:moveTo>
                    <a:pt x="1" y="1"/>
                  </a:moveTo>
                  <a:lnTo>
                    <a:pt x="1" y="3602"/>
                  </a:lnTo>
                  <a:cubicBezTo>
                    <a:pt x="437" y="3602"/>
                    <a:pt x="789" y="3248"/>
                    <a:pt x="789" y="2812"/>
                  </a:cubicBezTo>
                  <a:lnTo>
                    <a:pt x="789" y="789"/>
                  </a:lnTo>
                  <a:cubicBezTo>
                    <a:pt x="789" y="354"/>
                    <a:pt x="437" y="1"/>
                    <a:pt x="1"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7" name="Google Shape;327;p24"/>
            <p:cNvSpPr/>
            <p:nvPr/>
          </p:nvSpPr>
          <p:spPr>
            <a:xfrm>
              <a:off x="1671015" y="1404446"/>
              <a:ext cx="64820" cy="199474"/>
            </a:xfrm>
            <a:custGeom>
              <a:avLst/>
              <a:gdLst/>
              <a:ahLst/>
              <a:cxnLst/>
              <a:rect l="l" t="t" r="r" b="b"/>
              <a:pathLst>
                <a:path w="1073" h="3302" extrusionOk="0">
                  <a:moveTo>
                    <a:pt x="1" y="0"/>
                  </a:moveTo>
                  <a:lnTo>
                    <a:pt x="1" y="3302"/>
                  </a:lnTo>
                  <a:lnTo>
                    <a:pt x="1073" y="3302"/>
                  </a:lnTo>
                  <a:lnTo>
                    <a:pt x="1073"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8" name="Google Shape;328;p24"/>
            <p:cNvSpPr/>
            <p:nvPr/>
          </p:nvSpPr>
          <p:spPr>
            <a:xfrm>
              <a:off x="1686540" y="1404446"/>
              <a:ext cx="34011" cy="706012"/>
            </a:xfrm>
            <a:custGeom>
              <a:avLst/>
              <a:gdLst/>
              <a:ahLst/>
              <a:cxnLst/>
              <a:rect l="l" t="t" r="r" b="b"/>
              <a:pathLst>
                <a:path w="563" h="11687" extrusionOk="0">
                  <a:moveTo>
                    <a:pt x="0" y="0"/>
                  </a:moveTo>
                  <a:lnTo>
                    <a:pt x="0" y="11686"/>
                  </a:lnTo>
                  <a:lnTo>
                    <a:pt x="562" y="11686"/>
                  </a:lnTo>
                  <a:lnTo>
                    <a:pt x="562"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9" name="Google Shape;329;p24"/>
            <p:cNvSpPr/>
            <p:nvPr/>
          </p:nvSpPr>
          <p:spPr>
            <a:xfrm>
              <a:off x="1971308" y="1404446"/>
              <a:ext cx="64820" cy="199474"/>
            </a:xfrm>
            <a:custGeom>
              <a:avLst/>
              <a:gdLst/>
              <a:ahLst/>
              <a:cxnLst/>
              <a:rect l="l" t="t" r="r" b="b"/>
              <a:pathLst>
                <a:path w="1073" h="3302" extrusionOk="0">
                  <a:moveTo>
                    <a:pt x="1" y="0"/>
                  </a:moveTo>
                  <a:lnTo>
                    <a:pt x="1" y="3302"/>
                  </a:lnTo>
                  <a:lnTo>
                    <a:pt x="1073" y="3302"/>
                  </a:lnTo>
                  <a:lnTo>
                    <a:pt x="1073"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0" name="Google Shape;330;p24"/>
            <p:cNvSpPr/>
            <p:nvPr/>
          </p:nvSpPr>
          <p:spPr>
            <a:xfrm>
              <a:off x="1986712" y="1404446"/>
              <a:ext cx="34132" cy="706012"/>
            </a:xfrm>
            <a:custGeom>
              <a:avLst/>
              <a:gdLst/>
              <a:ahLst/>
              <a:cxnLst/>
              <a:rect l="l" t="t" r="r" b="b"/>
              <a:pathLst>
                <a:path w="565" h="11687" extrusionOk="0">
                  <a:moveTo>
                    <a:pt x="1" y="0"/>
                  </a:moveTo>
                  <a:lnTo>
                    <a:pt x="1" y="11686"/>
                  </a:lnTo>
                  <a:lnTo>
                    <a:pt x="564" y="11686"/>
                  </a:lnTo>
                  <a:lnTo>
                    <a:pt x="564"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1" name="Google Shape;331;p24"/>
            <p:cNvSpPr/>
            <p:nvPr/>
          </p:nvSpPr>
          <p:spPr>
            <a:xfrm>
              <a:off x="1376401" y="1404446"/>
              <a:ext cx="64820" cy="199474"/>
            </a:xfrm>
            <a:custGeom>
              <a:avLst/>
              <a:gdLst/>
              <a:ahLst/>
              <a:cxnLst/>
              <a:rect l="l" t="t" r="r" b="b"/>
              <a:pathLst>
                <a:path w="1073" h="3302" extrusionOk="0">
                  <a:moveTo>
                    <a:pt x="1" y="0"/>
                  </a:moveTo>
                  <a:lnTo>
                    <a:pt x="1" y="3302"/>
                  </a:lnTo>
                  <a:lnTo>
                    <a:pt x="1073" y="3302"/>
                  </a:lnTo>
                  <a:lnTo>
                    <a:pt x="1073"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2" name="Google Shape;332;p24"/>
            <p:cNvSpPr/>
            <p:nvPr/>
          </p:nvSpPr>
          <p:spPr>
            <a:xfrm>
              <a:off x="1391926" y="1404446"/>
              <a:ext cx="34071" cy="706012"/>
            </a:xfrm>
            <a:custGeom>
              <a:avLst/>
              <a:gdLst/>
              <a:ahLst/>
              <a:cxnLst/>
              <a:rect l="l" t="t" r="r" b="b"/>
              <a:pathLst>
                <a:path w="564" h="11687" extrusionOk="0">
                  <a:moveTo>
                    <a:pt x="0" y="0"/>
                  </a:moveTo>
                  <a:lnTo>
                    <a:pt x="0" y="11686"/>
                  </a:lnTo>
                  <a:lnTo>
                    <a:pt x="563" y="11686"/>
                  </a:lnTo>
                  <a:lnTo>
                    <a:pt x="563"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3" name="Google Shape;333;p24"/>
            <p:cNvSpPr/>
            <p:nvPr/>
          </p:nvSpPr>
          <p:spPr>
            <a:xfrm>
              <a:off x="1539928" y="1283689"/>
              <a:ext cx="17096" cy="320233"/>
            </a:xfrm>
            <a:custGeom>
              <a:avLst/>
              <a:gdLst/>
              <a:ahLst/>
              <a:cxnLst/>
              <a:rect l="l" t="t" r="r" b="b"/>
              <a:pathLst>
                <a:path w="283" h="5301" extrusionOk="0">
                  <a:moveTo>
                    <a:pt x="1" y="0"/>
                  </a:moveTo>
                  <a:lnTo>
                    <a:pt x="1" y="5301"/>
                  </a:lnTo>
                  <a:lnTo>
                    <a:pt x="282" y="5301"/>
                  </a:lnTo>
                  <a:lnTo>
                    <a:pt x="282"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4" name="Google Shape;334;p24"/>
            <p:cNvSpPr/>
            <p:nvPr/>
          </p:nvSpPr>
          <p:spPr>
            <a:xfrm>
              <a:off x="1845114" y="1283689"/>
              <a:ext cx="17036" cy="320233"/>
            </a:xfrm>
            <a:custGeom>
              <a:avLst/>
              <a:gdLst/>
              <a:ahLst/>
              <a:cxnLst/>
              <a:rect l="l" t="t" r="r" b="b"/>
              <a:pathLst>
                <a:path w="282" h="5301" extrusionOk="0">
                  <a:moveTo>
                    <a:pt x="1" y="0"/>
                  </a:moveTo>
                  <a:lnTo>
                    <a:pt x="1" y="5301"/>
                  </a:lnTo>
                  <a:lnTo>
                    <a:pt x="282" y="5301"/>
                  </a:lnTo>
                  <a:lnTo>
                    <a:pt x="282"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5" name="Google Shape;335;p24"/>
            <p:cNvSpPr/>
            <p:nvPr/>
          </p:nvSpPr>
          <p:spPr>
            <a:xfrm>
              <a:off x="2303135" y="2492049"/>
              <a:ext cx="67780" cy="102153"/>
            </a:xfrm>
            <a:custGeom>
              <a:avLst/>
              <a:gdLst/>
              <a:ahLst/>
              <a:cxnLst/>
              <a:rect l="l" t="t" r="r" b="b"/>
              <a:pathLst>
                <a:path w="1122" h="1691" extrusionOk="0">
                  <a:moveTo>
                    <a:pt x="447" y="0"/>
                  </a:moveTo>
                  <a:cubicBezTo>
                    <a:pt x="428" y="0"/>
                    <a:pt x="409" y="1"/>
                    <a:pt x="389" y="2"/>
                  </a:cubicBezTo>
                  <a:lnTo>
                    <a:pt x="36" y="27"/>
                  </a:lnTo>
                  <a:cubicBezTo>
                    <a:pt x="22" y="54"/>
                    <a:pt x="9" y="81"/>
                    <a:pt x="1" y="110"/>
                  </a:cubicBezTo>
                  <a:lnTo>
                    <a:pt x="49" y="1690"/>
                  </a:lnTo>
                  <a:lnTo>
                    <a:pt x="505" y="1658"/>
                  </a:lnTo>
                  <a:cubicBezTo>
                    <a:pt x="763" y="1639"/>
                    <a:pt x="983" y="1503"/>
                    <a:pt x="1121" y="1307"/>
                  </a:cubicBezTo>
                  <a:lnTo>
                    <a:pt x="1097" y="449"/>
                  </a:lnTo>
                  <a:cubicBezTo>
                    <a:pt x="1108" y="415"/>
                    <a:pt x="1114" y="379"/>
                    <a:pt x="1118" y="345"/>
                  </a:cubicBezTo>
                  <a:cubicBezTo>
                    <a:pt x="966" y="136"/>
                    <a:pt x="721" y="0"/>
                    <a:pt x="447"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6" name="Google Shape;336;p24"/>
            <p:cNvSpPr/>
            <p:nvPr/>
          </p:nvSpPr>
          <p:spPr>
            <a:xfrm>
              <a:off x="1118817" y="2464443"/>
              <a:ext cx="1169417" cy="100341"/>
            </a:xfrm>
            <a:custGeom>
              <a:avLst/>
              <a:gdLst/>
              <a:ahLst/>
              <a:cxnLst/>
              <a:rect l="l" t="t" r="r" b="b"/>
              <a:pathLst>
                <a:path w="19358" h="1661" extrusionOk="0">
                  <a:moveTo>
                    <a:pt x="1" y="0"/>
                  </a:moveTo>
                  <a:lnTo>
                    <a:pt x="1" y="1660"/>
                  </a:lnTo>
                  <a:lnTo>
                    <a:pt x="19358" y="1660"/>
                  </a:lnTo>
                  <a:lnTo>
                    <a:pt x="19358"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7" name="Google Shape;337;p24"/>
            <p:cNvSpPr/>
            <p:nvPr/>
          </p:nvSpPr>
          <p:spPr>
            <a:xfrm>
              <a:off x="1269235" y="2564721"/>
              <a:ext cx="868635" cy="100341"/>
            </a:xfrm>
            <a:custGeom>
              <a:avLst/>
              <a:gdLst/>
              <a:ahLst/>
              <a:cxnLst/>
              <a:rect l="l" t="t" r="r" b="b"/>
              <a:pathLst>
                <a:path w="14379" h="1661" extrusionOk="0">
                  <a:moveTo>
                    <a:pt x="1" y="0"/>
                  </a:moveTo>
                  <a:cubicBezTo>
                    <a:pt x="1" y="917"/>
                    <a:pt x="744" y="1660"/>
                    <a:pt x="1660" y="1660"/>
                  </a:cubicBezTo>
                  <a:lnTo>
                    <a:pt x="12718" y="1660"/>
                  </a:lnTo>
                  <a:cubicBezTo>
                    <a:pt x="13635" y="1660"/>
                    <a:pt x="14378" y="917"/>
                    <a:pt x="14378"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8" name="Google Shape;338;p24"/>
            <p:cNvSpPr/>
            <p:nvPr/>
          </p:nvSpPr>
          <p:spPr>
            <a:xfrm>
              <a:off x="1269235" y="2564721"/>
              <a:ext cx="868635" cy="38662"/>
            </a:xfrm>
            <a:custGeom>
              <a:avLst/>
              <a:gdLst/>
              <a:ahLst/>
              <a:cxnLst/>
              <a:rect l="l" t="t" r="r" b="b"/>
              <a:pathLst>
                <a:path w="14379" h="640" extrusionOk="0">
                  <a:moveTo>
                    <a:pt x="1" y="0"/>
                  </a:moveTo>
                  <a:cubicBezTo>
                    <a:pt x="1" y="227"/>
                    <a:pt x="46" y="443"/>
                    <a:pt x="128" y="639"/>
                  </a:cubicBezTo>
                  <a:lnTo>
                    <a:pt x="14250" y="639"/>
                  </a:lnTo>
                  <a:cubicBezTo>
                    <a:pt x="14332" y="443"/>
                    <a:pt x="14378" y="227"/>
                    <a:pt x="14378"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9" name="Google Shape;339;p24"/>
            <p:cNvSpPr/>
            <p:nvPr/>
          </p:nvSpPr>
          <p:spPr>
            <a:xfrm>
              <a:off x="2288153" y="2464443"/>
              <a:ext cx="90253" cy="100341"/>
            </a:xfrm>
            <a:custGeom>
              <a:avLst/>
              <a:gdLst/>
              <a:ahLst/>
              <a:cxnLst/>
              <a:rect l="l" t="t" r="r" b="b"/>
              <a:pathLst>
                <a:path w="1494" h="1661" extrusionOk="0">
                  <a:moveTo>
                    <a:pt x="1" y="0"/>
                  </a:moveTo>
                  <a:lnTo>
                    <a:pt x="1" y="1660"/>
                  </a:lnTo>
                  <a:lnTo>
                    <a:pt x="663" y="1660"/>
                  </a:lnTo>
                  <a:cubicBezTo>
                    <a:pt x="1122" y="1660"/>
                    <a:pt x="1493" y="1289"/>
                    <a:pt x="1493" y="830"/>
                  </a:cubicBezTo>
                  <a:cubicBezTo>
                    <a:pt x="1493" y="372"/>
                    <a:pt x="1122" y="0"/>
                    <a:pt x="663"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0" name="Google Shape;340;p24"/>
            <p:cNvSpPr/>
            <p:nvPr/>
          </p:nvSpPr>
          <p:spPr>
            <a:xfrm>
              <a:off x="2288153" y="2464443"/>
              <a:ext cx="14378" cy="100341"/>
            </a:xfrm>
            <a:custGeom>
              <a:avLst/>
              <a:gdLst/>
              <a:ahLst/>
              <a:cxnLst/>
              <a:rect l="l" t="t" r="r" b="b"/>
              <a:pathLst>
                <a:path w="238" h="1661" extrusionOk="0">
                  <a:moveTo>
                    <a:pt x="1" y="0"/>
                  </a:moveTo>
                  <a:lnTo>
                    <a:pt x="1" y="1660"/>
                  </a:lnTo>
                  <a:lnTo>
                    <a:pt x="237" y="1660"/>
                  </a:lnTo>
                  <a:lnTo>
                    <a:pt x="237"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1" name="Google Shape;341;p24"/>
            <p:cNvSpPr/>
            <p:nvPr/>
          </p:nvSpPr>
          <p:spPr>
            <a:xfrm>
              <a:off x="1435662" y="2272342"/>
              <a:ext cx="535716" cy="192164"/>
            </a:xfrm>
            <a:custGeom>
              <a:avLst/>
              <a:gdLst/>
              <a:ahLst/>
              <a:cxnLst/>
              <a:rect l="l" t="t" r="r" b="b"/>
              <a:pathLst>
                <a:path w="8868" h="3181" extrusionOk="0">
                  <a:moveTo>
                    <a:pt x="1" y="1"/>
                  </a:moveTo>
                  <a:lnTo>
                    <a:pt x="1" y="3180"/>
                  </a:lnTo>
                  <a:lnTo>
                    <a:pt x="8868" y="3180"/>
                  </a:lnTo>
                  <a:lnTo>
                    <a:pt x="8868"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2" name="Google Shape;342;p24"/>
            <p:cNvSpPr/>
            <p:nvPr/>
          </p:nvSpPr>
          <p:spPr>
            <a:xfrm>
              <a:off x="1694998" y="2272342"/>
              <a:ext cx="17036" cy="192164"/>
            </a:xfrm>
            <a:custGeom>
              <a:avLst/>
              <a:gdLst/>
              <a:ahLst/>
              <a:cxnLst/>
              <a:rect l="l" t="t" r="r" b="b"/>
              <a:pathLst>
                <a:path w="282" h="3181" extrusionOk="0">
                  <a:moveTo>
                    <a:pt x="1" y="1"/>
                  </a:moveTo>
                  <a:lnTo>
                    <a:pt x="1" y="3180"/>
                  </a:lnTo>
                  <a:lnTo>
                    <a:pt x="282" y="3180"/>
                  </a:lnTo>
                  <a:lnTo>
                    <a:pt x="282"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3" name="Google Shape;343;p24"/>
            <p:cNvSpPr/>
            <p:nvPr/>
          </p:nvSpPr>
          <p:spPr>
            <a:xfrm>
              <a:off x="1492386" y="2110386"/>
              <a:ext cx="61981" cy="354123"/>
            </a:xfrm>
            <a:custGeom>
              <a:avLst/>
              <a:gdLst/>
              <a:ahLst/>
              <a:cxnLst/>
              <a:rect l="l" t="t" r="r" b="b"/>
              <a:pathLst>
                <a:path w="1026" h="5862" extrusionOk="0">
                  <a:moveTo>
                    <a:pt x="0" y="0"/>
                  </a:moveTo>
                  <a:lnTo>
                    <a:pt x="0" y="5861"/>
                  </a:lnTo>
                  <a:lnTo>
                    <a:pt x="1026" y="5861"/>
                  </a:lnTo>
                  <a:lnTo>
                    <a:pt x="1026"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4" name="Google Shape;344;p24"/>
            <p:cNvSpPr/>
            <p:nvPr/>
          </p:nvSpPr>
          <p:spPr>
            <a:xfrm>
              <a:off x="1554305" y="2272342"/>
              <a:ext cx="28514" cy="192164"/>
            </a:xfrm>
            <a:custGeom>
              <a:avLst/>
              <a:gdLst/>
              <a:ahLst/>
              <a:cxnLst/>
              <a:rect l="l" t="t" r="r" b="b"/>
              <a:pathLst>
                <a:path w="472" h="3181" extrusionOk="0">
                  <a:moveTo>
                    <a:pt x="1" y="1"/>
                  </a:moveTo>
                  <a:lnTo>
                    <a:pt x="1" y="3180"/>
                  </a:lnTo>
                  <a:lnTo>
                    <a:pt x="471" y="3180"/>
                  </a:lnTo>
                  <a:lnTo>
                    <a:pt x="471"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5" name="Google Shape;345;p24"/>
            <p:cNvSpPr/>
            <p:nvPr/>
          </p:nvSpPr>
          <p:spPr>
            <a:xfrm>
              <a:off x="1463933" y="2272342"/>
              <a:ext cx="28514" cy="192164"/>
            </a:xfrm>
            <a:custGeom>
              <a:avLst/>
              <a:gdLst/>
              <a:ahLst/>
              <a:cxnLst/>
              <a:rect l="l" t="t" r="r" b="b"/>
              <a:pathLst>
                <a:path w="472" h="3181" extrusionOk="0">
                  <a:moveTo>
                    <a:pt x="1" y="1"/>
                  </a:moveTo>
                  <a:lnTo>
                    <a:pt x="1" y="3180"/>
                  </a:lnTo>
                  <a:lnTo>
                    <a:pt x="471" y="3180"/>
                  </a:lnTo>
                  <a:lnTo>
                    <a:pt x="471"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6" name="Google Shape;346;p24"/>
            <p:cNvSpPr/>
            <p:nvPr/>
          </p:nvSpPr>
          <p:spPr>
            <a:xfrm>
              <a:off x="1852665" y="2110386"/>
              <a:ext cx="62041" cy="354123"/>
            </a:xfrm>
            <a:custGeom>
              <a:avLst/>
              <a:gdLst/>
              <a:ahLst/>
              <a:cxnLst/>
              <a:rect l="l" t="t" r="r" b="b"/>
              <a:pathLst>
                <a:path w="1027" h="5862" extrusionOk="0">
                  <a:moveTo>
                    <a:pt x="1" y="0"/>
                  </a:moveTo>
                  <a:lnTo>
                    <a:pt x="1" y="5861"/>
                  </a:lnTo>
                  <a:lnTo>
                    <a:pt x="1026" y="5861"/>
                  </a:lnTo>
                  <a:lnTo>
                    <a:pt x="1026"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7" name="Google Shape;347;p24"/>
            <p:cNvSpPr/>
            <p:nvPr/>
          </p:nvSpPr>
          <p:spPr>
            <a:xfrm>
              <a:off x="1914645" y="2272342"/>
              <a:ext cx="28453" cy="192164"/>
            </a:xfrm>
            <a:custGeom>
              <a:avLst/>
              <a:gdLst/>
              <a:ahLst/>
              <a:cxnLst/>
              <a:rect l="l" t="t" r="r" b="b"/>
              <a:pathLst>
                <a:path w="471" h="3181" extrusionOk="0">
                  <a:moveTo>
                    <a:pt x="0" y="1"/>
                  </a:moveTo>
                  <a:lnTo>
                    <a:pt x="0" y="3180"/>
                  </a:lnTo>
                  <a:lnTo>
                    <a:pt x="470" y="3180"/>
                  </a:lnTo>
                  <a:lnTo>
                    <a:pt x="47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8" name="Google Shape;348;p24"/>
            <p:cNvSpPr/>
            <p:nvPr/>
          </p:nvSpPr>
          <p:spPr>
            <a:xfrm>
              <a:off x="1824273" y="2272342"/>
              <a:ext cx="28453" cy="192164"/>
            </a:xfrm>
            <a:custGeom>
              <a:avLst/>
              <a:gdLst/>
              <a:ahLst/>
              <a:cxnLst/>
              <a:rect l="l" t="t" r="r" b="b"/>
              <a:pathLst>
                <a:path w="471" h="3181" extrusionOk="0">
                  <a:moveTo>
                    <a:pt x="0" y="1"/>
                  </a:moveTo>
                  <a:lnTo>
                    <a:pt x="0" y="3180"/>
                  </a:lnTo>
                  <a:lnTo>
                    <a:pt x="471" y="3180"/>
                  </a:lnTo>
                  <a:lnTo>
                    <a:pt x="471"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9" name="Google Shape;349;p24"/>
            <p:cNvSpPr/>
            <p:nvPr/>
          </p:nvSpPr>
          <p:spPr>
            <a:xfrm>
              <a:off x="1391926" y="2110386"/>
              <a:ext cx="628929" cy="48207"/>
            </a:xfrm>
            <a:custGeom>
              <a:avLst/>
              <a:gdLst/>
              <a:ahLst/>
              <a:cxnLst/>
              <a:rect l="l" t="t" r="r" b="b"/>
              <a:pathLst>
                <a:path w="10411" h="798" extrusionOk="0">
                  <a:moveTo>
                    <a:pt x="0" y="0"/>
                  </a:moveTo>
                  <a:lnTo>
                    <a:pt x="0" y="797"/>
                  </a:lnTo>
                  <a:lnTo>
                    <a:pt x="10410" y="797"/>
                  </a:lnTo>
                  <a:lnTo>
                    <a:pt x="10410"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0" name="Google Shape;350;p24"/>
            <p:cNvSpPr/>
            <p:nvPr/>
          </p:nvSpPr>
          <p:spPr>
            <a:xfrm>
              <a:off x="1111689" y="2334382"/>
              <a:ext cx="68082" cy="68082"/>
            </a:xfrm>
            <a:custGeom>
              <a:avLst/>
              <a:gdLst/>
              <a:ahLst/>
              <a:cxnLst/>
              <a:rect l="l" t="t" r="r" b="b"/>
              <a:pathLst>
                <a:path w="1127" h="1127" extrusionOk="0">
                  <a:moveTo>
                    <a:pt x="563" y="1"/>
                  </a:moveTo>
                  <a:cubicBezTo>
                    <a:pt x="253" y="1"/>
                    <a:pt x="1" y="253"/>
                    <a:pt x="1" y="563"/>
                  </a:cubicBezTo>
                  <a:cubicBezTo>
                    <a:pt x="1" y="874"/>
                    <a:pt x="253" y="1127"/>
                    <a:pt x="563" y="1127"/>
                  </a:cubicBezTo>
                  <a:lnTo>
                    <a:pt x="1127" y="1127"/>
                  </a:lnTo>
                  <a:lnTo>
                    <a:pt x="1127"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1" name="Google Shape;351;p24"/>
            <p:cNvSpPr/>
            <p:nvPr/>
          </p:nvSpPr>
          <p:spPr>
            <a:xfrm>
              <a:off x="1179528" y="2316561"/>
              <a:ext cx="256199" cy="103784"/>
            </a:xfrm>
            <a:custGeom>
              <a:avLst/>
              <a:gdLst/>
              <a:ahLst/>
              <a:cxnLst/>
              <a:rect l="l" t="t" r="r" b="b"/>
              <a:pathLst>
                <a:path w="4241" h="1718" extrusionOk="0">
                  <a:moveTo>
                    <a:pt x="1" y="0"/>
                  </a:moveTo>
                  <a:lnTo>
                    <a:pt x="1" y="1717"/>
                  </a:lnTo>
                  <a:lnTo>
                    <a:pt x="4241" y="1717"/>
                  </a:lnTo>
                  <a:lnTo>
                    <a:pt x="4241"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2" name="Google Shape;352;p24"/>
            <p:cNvSpPr/>
            <p:nvPr/>
          </p:nvSpPr>
          <p:spPr>
            <a:xfrm>
              <a:off x="1167204" y="2334382"/>
              <a:ext cx="12384" cy="68082"/>
            </a:xfrm>
            <a:custGeom>
              <a:avLst/>
              <a:gdLst/>
              <a:ahLst/>
              <a:cxnLst/>
              <a:rect l="l" t="t" r="r" b="b"/>
              <a:pathLst>
                <a:path w="205" h="1127" extrusionOk="0">
                  <a:moveTo>
                    <a:pt x="1" y="1"/>
                  </a:moveTo>
                  <a:lnTo>
                    <a:pt x="1" y="1127"/>
                  </a:lnTo>
                  <a:lnTo>
                    <a:pt x="205" y="1127"/>
                  </a:lnTo>
                  <a:lnTo>
                    <a:pt x="205"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3" name="Google Shape;353;p24"/>
            <p:cNvSpPr/>
            <p:nvPr/>
          </p:nvSpPr>
          <p:spPr>
            <a:xfrm>
              <a:off x="2311048" y="2490781"/>
              <a:ext cx="47663" cy="47603"/>
            </a:xfrm>
            <a:custGeom>
              <a:avLst/>
              <a:gdLst/>
              <a:ahLst/>
              <a:cxnLst/>
              <a:rect l="l" t="t" r="r" b="b"/>
              <a:pathLst>
                <a:path w="789" h="788" extrusionOk="0">
                  <a:moveTo>
                    <a:pt x="395" y="0"/>
                  </a:moveTo>
                  <a:cubicBezTo>
                    <a:pt x="177" y="0"/>
                    <a:pt x="1" y="177"/>
                    <a:pt x="1" y="394"/>
                  </a:cubicBezTo>
                  <a:cubicBezTo>
                    <a:pt x="1" y="612"/>
                    <a:pt x="178" y="788"/>
                    <a:pt x="395" y="788"/>
                  </a:cubicBezTo>
                  <a:cubicBezTo>
                    <a:pt x="612" y="788"/>
                    <a:pt x="789" y="612"/>
                    <a:pt x="789" y="394"/>
                  </a:cubicBezTo>
                  <a:cubicBezTo>
                    <a:pt x="789" y="177"/>
                    <a:pt x="612" y="0"/>
                    <a:pt x="395"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4" name="Google Shape;354;p24"/>
            <p:cNvSpPr/>
            <p:nvPr/>
          </p:nvSpPr>
          <p:spPr>
            <a:xfrm>
              <a:off x="1975235" y="3135828"/>
              <a:ext cx="192164" cy="176216"/>
            </a:xfrm>
            <a:custGeom>
              <a:avLst/>
              <a:gdLst/>
              <a:ahLst/>
              <a:cxnLst/>
              <a:rect l="l" t="t" r="r" b="b"/>
              <a:pathLst>
                <a:path w="3181" h="2917" extrusionOk="0">
                  <a:moveTo>
                    <a:pt x="2175" y="0"/>
                  </a:moveTo>
                  <a:cubicBezTo>
                    <a:pt x="2108" y="0"/>
                    <a:pt x="2040" y="16"/>
                    <a:pt x="1977" y="50"/>
                  </a:cubicBezTo>
                  <a:lnTo>
                    <a:pt x="1119" y="508"/>
                  </a:lnTo>
                  <a:cubicBezTo>
                    <a:pt x="308" y="942"/>
                    <a:pt x="1" y="1953"/>
                    <a:pt x="435" y="2765"/>
                  </a:cubicBezTo>
                  <a:cubicBezTo>
                    <a:pt x="487" y="2862"/>
                    <a:pt x="587" y="2917"/>
                    <a:pt x="690" y="2917"/>
                  </a:cubicBezTo>
                  <a:cubicBezTo>
                    <a:pt x="735" y="2917"/>
                    <a:pt x="782" y="2906"/>
                    <a:pt x="825" y="2883"/>
                  </a:cubicBezTo>
                  <a:lnTo>
                    <a:pt x="2900" y="1773"/>
                  </a:lnTo>
                  <a:cubicBezTo>
                    <a:pt x="3104" y="1664"/>
                    <a:pt x="3180" y="1411"/>
                    <a:pt x="3072" y="1208"/>
                  </a:cubicBezTo>
                  <a:lnTo>
                    <a:pt x="2545" y="221"/>
                  </a:lnTo>
                  <a:cubicBezTo>
                    <a:pt x="2469" y="81"/>
                    <a:pt x="2324" y="0"/>
                    <a:pt x="2175"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5" name="Google Shape;355;p24"/>
            <p:cNvSpPr/>
            <p:nvPr/>
          </p:nvSpPr>
          <p:spPr>
            <a:xfrm>
              <a:off x="1025606" y="2474229"/>
              <a:ext cx="294438" cy="770711"/>
            </a:xfrm>
            <a:custGeom>
              <a:avLst/>
              <a:gdLst/>
              <a:ahLst/>
              <a:cxnLst/>
              <a:rect l="l" t="t" r="r" b="b"/>
              <a:pathLst>
                <a:path w="4874" h="12758" extrusionOk="0">
                  <a:moveTo>
                    <a:pt x="694" y="0"/>
                  </a:moveTo>
                  <a:cubicBezTo>
                    <a:pt x="637" y="0"/>
                    <a:pt x="580" y="9"/>
                    <a:pt x="524" y="26"/>
                  </a:cubicBezTo>
                  <a:cubicBezTo>
                    <a:pt x="221" y="119"/>
                    <a:pt x="51" y="441"/>
                    <a:pt x="144" y="744"/>
                  </a:cubicBezTo>
                  <a:lnTo>
                    <a:pt x="95" y="2507"/>
                  </a:lnTo>
                  <a:cubicBezTo>
                    <a:pt x="1" y="5812"/>
                    <a:pt x="1081" y="9042"/>
                    <a:pt x="3143" y="11625"/>
                  </a:cubicBezTo>
                  <a:lnTo>
                    <a:pt x="3665" y="12280"/>
                  </a:lnTo>
                  <a:cubicBezTo>
                    <a:pt x="3703" y="12328"/>
                    <a:pt x="3730" y="12384"/>
                    <a:pt x="3758" y="12440"/>
                  </a:cubicBezTo>
                  <a:cubicBezTo>
                    <a:pt x="3856" y="12636"/>
                    <a:pt x="4057" y="12758"/>
                    <a:pt x="4272" y="12758"/>
                  </a:cubicBezTo>
                  <a:cubicBezTo>
                    <a:pt x="4327" y="12758"/>
                    <a:pt x="4384" y="12750"/>
                    <a:pt x="4440" y="12732"/>
                  </a:cubicBezTo>
                  <a:cubicBezTo>
                    <a:pt x="4531" y="12703"/>
                    <a:pt x="4611" y="12656"/>
                    <a:pt x="4674" y="12593"/>
                  </a:cubicBezTo>
                  <a:cubicBezTo>
                    <a:pt x="4873" y="12396"/>
                    <a:pt x="4865" y="12070"/>
                    <a:pt x="4690" y="11852"/>
                  </a:cubicBezTo>
                  <a:lnTo>
                    <a:pt x="4210" y="11244"/>
                  </a:lnTo>
                  <a:cubicBezTo>
                    <a:pt x="2157" y="8657"/>
                    <a:pt x="1087" y="5427"/>
                    <a:pt x="1188" y="2127"/>
                  </a:cubicBezTo>
                  <a:lnTo>
                    <a:pt x="1242" y="406"/>
                  </a:lnTo>
                  <a:cubicBezTo>
                    <a:pt x="1165" y="159"/>
                    <a:pt x="939" y="0"/>
                    <a:pt x="694"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6" name="Google Shape;356;p24"/>
            <p:cNvSpPr/>
            <p:nvPr/>
          </p:nvSpPr>
          <p:spPr>
            <a:xfrm>
              <a:off x="1032855" y="2492049"/>
              <a:ext cx="67780" cy="102153"/>
            </a:xfrm>
            <a:custGeom>
              <a:avLst/>
              <a:gdLst/>
              <a:ahLst/>
              <a:cxnLst/>
              <a:rect l="l" t="t" r="r" b="b"/>
              <a:pathLst>
                <a:path w="1122" h="1691" extrusionOk="0">
                  <a:moveTo>
                    <a:pt x="674" y="0"/>
                  </a:moveTo>
                  <a:cubicBezTo>
                    <a:pt x="401" y="0"/>
                    <a:pt x="155" y="136"/>
                    <a:pt x="4" y="345"/>
                  </a:cubicBezTo>
                  <a:cubicBezTo>
                    <a:pt x="8" y="379"/>
                    <a:pt x="14" y="415"/>
                    <a:pt x="24" y="449"/>
                  </a:cubicBezTo>
                  <a:lnTo>
                    <a:pt x="0" y="1307"/>
                  </a:lnTo>
                  <a:cubicBezTo>
                    <a:pt x="139" y="1503"/>
                    <a:pt x="358" y="1639"/>
                    <a:pt x="616" y="1658"/>
                  </a:cubicBezTo>
                  <a:lnTo>
                    <a:pt x="1073" y="1690"/>
                  </a:lnTo>
                  <a:lnTo>
                    <a:pt x="1122" y="111"/>
                  </a:lnTo>
                  <a:cubicBezTo>
                    <a:pt x="1113" y="81"/>
                    <a:pt x="1099" y="54"/>
                    <a:pt x="1087" y="27"/>
                  </a:cubicBezTo>
                  <a:lnTo>
                    <a:pt x="732" y="2"/>
                  </a:lnTo>
                  <a:cubicBezTo>
                    <a:pt x="713" y="1"/>
                    <a:pt x="694" y="0"/>
                    <a:pt x="67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7" name="Google Shape;357;p24"/>
            <p:cNvSpPr/>
            <p:nvPr/>
          </p:nvSpPr>
          <p:spPr>
            <a:xfrm>
              <a:off x="1028687" y="2464443"/>
              <a:ext cx="90192" cy="100341"/>
            </a:xfrm>
            <a:custGeom>
              <a:avLst/>
              <a:gdLst/>
              <a:ahLst/>
              <a:cxnLst/>
              <a:rect l="l" t="t" r="r" b="b"/>
              <a:pathLst>
                <a:path w="1493" h="1661" extrusionOk="0">
                  <a:moveTo>
                    <a:pt x="830" y="0"/>
                  </a:moveTo>
                  <a:cubicBezTo>
                    <a:pt x="372" y="0"/>
                    <a:pt x="0" y="372"/>
                    <a:pt x="0" y="830"/>
                  </a:cubicBezTo>
                  <a:cubicBezTo>
                    <a:pt x="0" y="1289"/>
                    <a:pt x="372" y="1660"/>
                    <a:pt x="830" y="1660"/>
                  </a:cubicBezTo>
                  <a:lnTo>
                    <a:pt x="1493" y="1660"/>
                  </a:lnTo>
                  <a:lnTo>
                    <a:pt x="149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8" name="Google Shape;358;p24"/>
            <p:cNvSpPr/>
            <p:nvPr/>
          </p:nvSpPr>
          <p:spPr>
            <a:xfrm>
              <a:off x="1044997" y="2490781"/>
              <a:ext cx="47663" cy="47603"/>
            </a:xfrm>
            <a:custGeom>
              <a:avLst/>
              <a:gdLst/>
              <a:ahLst/>
              <a:cxnLst/>
              <a:rect l="l" t="t" r="r" b="b"/>
              <a:pathLst>
                <a:path w="789" h="788" extrusionOk="0">
                  <a:moveTo>
                    <a:pt x="395" y="0"/>
                  </a:moveTo>
                  <a:cubicBezTo>
                    <a:pt x="178" y="0"/>
                    <a:pt x="1" y="177"/>
                    <a:pt x="1" y="394"/>
                  </a:cubicBezTo>
                  <a:cubicBezTo>
                    <a:pt x="1" y="612"/>
                    <a:pt x="178" y="788"/>
                    <a:pt x="395" y="788"/>
                  </a:cubicBezTo>
                  <a:cubicBezTo>
                    <a:pt x="613" y="788"/>
                    <a:pt x="789" y="612"/>
                    <a:pt x="789" y="394"/>
                  </a:cubicBezTo>
                  <a:cubicBezTo>
                    <a:pt x="789" y="177"/>
                    <a:pt x="613" y="0"/>
                    <a:pt x="395"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9" name="Google Shape;359;p24"/>
            <p:cNvSpPr/>
            <p:nvPr/>
          </p:nvSpPr>
          <p:spPr>
            <a:xfrm>
              <a:off x="1236373" y="3135828"/>
              <a:ext cx="192104" cy="176216"/>
            </a:xfrm>
            <a:custGeom>
              <a:avLst/>
              <a:gdLst/>
              <a:ahLst/>
              <a:cxnLst/>
              <a:rect l="l" t="t" r="r" b="b"/>
              <a:pathLst>
                <a:path w="3180" h="2917" extrusionOk="0">
                  <a:moveTo>
                    <a:pt x="1006" y="0"/>
                  </a:moveTo>
                  <a:cubicBezTo>
                    <a:pt x="857" y="0"/>
                    <a:pt x="712" y="81"/>
                    <a:pt x="636" y="221"/>
                  </a:cubicBezTo>
                  <a:lnTo>
                    <a:pt x="109" y="1208"/>
                  </a:lnTo>
                  <a:cubicBezTo>
                    <a:pt x="0" y="1411"/>
                    <a:pt x="77" y="1664"/>
                    <a:pt x="280" y="1773"/>
                  </a:cubicBezTo>
                  <a:lnTo>
                    <a:pt x="2356" y="2883"/>
                  </a:lnTo>
                  <a:cubicBezTo>
                    <a:pt x="2399" y="2906"/>
                    <a:pt x="2445" y="2917"/>
                    <a:pt x="2491" y="2917"/>
                  </a:cubicBezTo>
                  <a:cubicBezTo>
                    <a:pt x="2594" y="2917"/>
                    <a:pt x="2693" y="2862"/>
                    <a:pt x="2746" y="2765"/>
                  </a:cubicBezTo>
                  <a:cubicBezTo>
                    <a:pt x="3180" y="1953"/>
                    <a:pt x="2873" y="942"/>
                    <a:pt x="2061" y="508"/>
                  </a:cubicBezTo>
                  <a:lnTo>
                    <a:pt x="1203" y="50"/>
                  </a:lnTo>
                  <a:cubicBezTo>
                    <a:pt x="1141" y="16"/>
                    <a:pt x="1073" y="0"/>
                    <a:pt x="1006"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60" name="Google Shape;360;p24"/>
            <p:cNvSpPr/>
            <p:nvPr/>
          </p:nvSpPr>
          <p:spPr>
            <a:xfrm>
              <a:off x="1104621" y="2464443"/>
              <a:ext cx="14257" cy="100341"/>
            </a:xfrm>
            <a:custGeom>
              <a:avLst/>
              <a:gdLst/>
              <a:ahLst/>
              <a:cxnLst/>
              <a:rect l="l" t="t" r="r" b="b"/>
              <a:pathLst>
                <a:path w="236" h="1661" extrusionOk="0">
                  <a:moveTo>
                    <a:pt x="0" y="0"/>
                  </a:moveTo>
                  <a:lnTo>
                    <a:pt x="0" y="1660"/>
                  </a:lnTo>
                  <a:lnTo>
                    <a:pt x="236" y="1660"/>
                  </a:lnTo>
                  <a:lnTo>
                    <a:pt x="236"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61" name="Google Shape;361;p24"/>
            <p:cNvSpPr/>
            <p:nvPr/>
          </p:nvSpPr>
          <p:spPr>
            <a:xfrm>
              <a:off x="955048" y="1162569"/>
              <a:ext cx="1496779" cy="73700"/>
            </a:xfrm>
            <a:custGeom>
              <a:avLst/>
              <a:gdLst/>
              <a:ahLst/>
              <a:cxnLst/>
              <a:rect l="l" t="t" r="r" b="b"/>
              <a:pathLst>
                <a:path w="24777" h="1220" extrusionOk="0">
                  <a:moveTo>
                    <a:pt x="0" y="1"/>
                  </a:moveTo>
                  <a:lnTo>
                    <a:pt x="0" y="1220"/>
                  </a:lnTo>
                  <a:lnTo>
                    <a:pt x="24777" y="1220"/>
                  </a:lnTo>
                  <a:lnTo>
                    <a:pt x="24777" y="1"/>
                  </a:lnTo>
                  <a:close/>
                </a:path>
              </a:pathLst>
            </a:custGeom>
            <a:solidFill>
              <a:srgbClr val="FFFFFF">
                <a:alpha val="3987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5" name="Title 4">
            <a:extLst>
              <a:ext uri="{FF2B5EF4-FFF2-40B4-BE49-F238E27FC236}">
                <a16:creationId xmlns:a16="http://schemas.microsoft.com/office/drawing/2014/main" xmlns="" id="{3F82568C-D9F3-A03A-4529-66681DB00982}"/>
              </a:ext>
            </a:extLst>
          </p:cNvPr>
          <p:cNvSpPr>
            <a:spLocks noGrp="1"/>
          </p:cNvSpPr>
          <p:nvPr>
            <p:ph type="ctrTitle"/>
          </p:nvPr>
        </p:nvSpPr>
        <p:spPr>
          <a:xfrm>
            <a:off x="3426062" y="1281177"/>
            <a:ext cx="5270446" cy="3019473"/>
          </a:xfrm>
        </p:spPr>
        <p:txBody>
          <a:bodyPr anchor="ctr"/>
          <a:lstStyle/>
          <a:p>
            <a:pPr algn="r">
              <a:lnSpc>
                <a:spcPct val="150000"/>
              </a:lnSpc>
            </a:pPr>
            <a:r>
              <a:rPr lang="vi-VN" sz="4000" b="1" dirty="0">
                <a:solidFill>
                  <a:schemeClr val="bg1">
                    <a:lumMod val="50000"/>
                  </a:schemeClr>
                </a:solidFill>
                <a:latin typeface="Arial" panose="020B0604020202020204" pitchFamily="34" charset="0"/>
                <a:cs typeface="Arial" panose="020B0604020202020204" pitchFamily="34" charset="0"/>
              </a:rPr>
              <a:t>CẢM ƠN CÁC EM ĐÃ LẮNG NGHE </a:t>
            </a:r>
            <a:br>
              <a:rPr lang="vi-VN" sz="4000" b="1" dirty="0">
                <a:solidFill>
                  <a:schemeClr val="bg1">
                    <a:lumMod val="50000"/>
                  </a:schemeClr>
                </a:solidFill>
                <a:latin typeface="Arial" panose="020B0604020202020204" pitchFamily="34" charset="0"/>
                <a:cs typeface="Arial" panose="020B0604020202020204" pitchFamily="34" charset="0"/>
              </a:rPr>
            </a:br>
            <a:r>
              <a:rPr lang="vi-VN" sz="4000" b="1" dirty="0">
                <a:solidFill>
                  <a:schemeClr val="bg1">
                    <a:lumMod val="50000"/>
                  </a:schemeClr>
                </a:solidFill>
                <a:latin typeface="Arial" panose="020B0604020202020204" pitchFamily="34" charset="0"/>
                <a:cs typeface="Arial" panose="020B0604020202020204" pitchFamily="34" charset="0"/>
              </a:rPr>
              <a:t>BÀI HỌC HÔM NAY!</a:t>
            </a:r>
            <a:endParaRPr lang="vi-VN" sz="4000" dirty="0"/>
          </a:p>
        </p:txBody>
      </p:sp>
    </p:spTree>
    <p:custDataLst>
      <p:tags r:id="rId1"/>
    </p:custDataLst>
    <p:extLst>
      <p:ext uri="{BB962C8B-B14F-4D97-AF65-F5344CB8AC3E}">
        <p14:creationId xmlns:p14="http://schemas.microsoft.com/office/powerpoint/2010/main" val="4140255345"/>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anim calcmode="lin" valueType="num">
                                      <p:cBhvr>
                                        <p:cTn id="8" dur="500" fill="hold"/>
                                        <p:tgtEl>
                                          <p:spTgt spid="5"/>
                                        </p:tgtEl>
                                        <p:attrNameLst>
                                          <p:attrName>ppt_x</p:attrName>
                                        </p:attrNameLst>
                                      </p:cBhvr>
                                      <p:tavLst>
                                        <p:tav tm="0">
                                          <p:val>
                                            <p:strVal val="#ppt_x"/>
                                          </p:val>
                                        </p:tav>
                                        <p:tav tm="100000">
                                          <p:val>
                                            <p:strVal val="#ppt_x"/>
                                          </p:val>
                                        </p:tav>
                                      </p:tavLst>
                                    </p:anim>
                                    <p:anim calcmode="lin" valueType="num">
                                      <p:cBhvr>
                                        <p:cTn id="9" dur="500" fill="hold"/>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377"/>
        <p:cNvGrpSpPr/>
        <p:nvPr/>
      </p:nvGrpSpPr>
      <p:grpSpPr>
        <a:xfrm>
          <a:off x="0" y="0"/>
          <a:ext cx="0" cy="0"/>
          <a:chOff x="0" y="0"/>
          <a:chExt cx="0" cy="0"/>
        </a:xfrm>
      </p:grpSpPr>
      <p:sp>
        <p:nvSpPr>
          <p:cNvPr id="3" name="Title 2">
            <a:extLst>
              <a:ext uri="{FF2B5EF4-FFF2-40B4-BE49-F238E27FC236}">
                <a16:creationId xmlns:a16="http://schemas.microsoft.com/office/drawing/2014/main" xmlns="" id="{C31F5B10-4C5D-54AD-0D72-FEC92BC9A111}"/>
              </a:ext>
            </a:extLst>
          </p:cNvPr>
          <p:cNvSpPr>
            <a:spLocks noGrp="1"/>
          </p:cNvSpPr>
          <p:nvPr>
            <p:ph type="title"/>
          </p:nvPr>
        </p:nvSpPr>
        <p:spPr>
          <a:xfrm>
            <a:off x="720000" y="418973"/>
            <a:ext cx="7704000" cy="646500"/>
          </a:xfrm>
        </p:spPr>
        <p:txBody>
          <a:bodyPr anchor="ctr"/>
          <a:lstStyle/>
          <a:p>
            <a:pPr algn="ctr"/>
            <a:r>
              <a:rPr lang="vi-VN" sz="3200" b="1" dirty="0">
                <a:latin typeface="Arial" panose="020B0604020202020204" pitchFamily="34" charset="0"/>
                <a:cs typeface="Arial" panose="020B0604020202020204" pitchFamily="34" charset="0"/>
              </a:rPr>
              <a:t>NỘI DUNG BÀI HỌC</a:t>
            </a:r>
          </a:p>
        </p:txBody>
      </p:sp>
      <p:sp>
        <p:nvSpPr>
          <p:cNvPr id="28" name="Rectangle 27">
            <a:extLst>
              <a:ext uri="{FF2B5EF4-FFF2-40B4-BE49-F238E27FC236}">
                <a16:creationId xmlns:a16="http://schemas.microsoft.com/office/drawing/2014/main" xmlns="" id="{E8895B3C-AB09-03A2-9933-26CE94FD9540}"/>
              </a:ext>
            </a:extLst>
          </p:cNvPr>
          <p:cNvSpPr/>
          <p:nvPr/>
        </p:nvSpPr>
        <p:spPr>
          <a:xfrm>
            <a:off x="648264" y="1170442"/>
            <a:ext cx="607222" cy="588464"/>
          </a:xfrm>
          <a:prstGeom prst="rect">
            <a:avLst/>
          </a:prstGeom>
          <a:solidFill>
            <a:schemeClr val="accent6"/>
          </a:solidFill>
          <a:ln>
            <a:solidFill>
              <a:schemeClr val="accent5"/>
            </a:solidFill>
          </a:ln>
        </p:spPr>
        <p:style>
          <a:lnRef idx="2">
            <a:schemeClr val="accent1"/>
          </a:lnRef>
          <a:fillRef idx="1">
            <a:schemeClr val="lt1"/>
          </a:fillRef>
          <a:effectRef idx="0">
            <a:schemeClr val="accent1"/>
          </a:effectRef>
          <a:fontRef idx="minor">
            <a:schemeClr val="dk1"/>
          </a:fontRef>
        </p:style>
        <p:txBody>
          <a:bodyPr rtlCol="0" anchor="ctr"/>
          <a:lstStyle/>
          <a:p>
            <a:pPr algn="ctr"/>
            <a:r>
              <a:rPr lang="vi-VN" sz="2400" b="1" dirty="0">
                <a:latin typeface="Arial" panose="020B0604020202020204" pitchFamily="34" charset="0"/>
                <a:cs typeface="Arial" panose="020B0604020202020204" pitchFamily="34" charset="0"/>
              </a:rPr>
              <a:t>I.</a:t>
            </a:r>
          </a:p>
        </p:txBody>
      </p:sp>
      <p:sp>
        <p:nvSpPr>
          <p:cNvPr id="29" name="TextBox 28">
            <a:extLst>
              <a:ext uri="{FF2B5EF4-FFF2-40B4-BE49-F238E27FC236}">
                <a16:creationId xmlns:a16="http://schemas.microsoft.com/office/drawing/2014/main" xmlns="" id="{94CCCCC6-6148-B122-B773-841CB9CB61F4}"/>
              </a:ext>
            </a:extLst>
          </p:cNvPr>
          <p:cNvSpPr txBox="1"/>
          <p:nvPr/>
        </p:nvSpPr>
        <p:spPr>
          <a:xfrm>
            <a:off x="1446551" y="1264617"/>
            <a:ext cx="5034078" cy="400110"/>
          </a:xfrm>
          <a:prstGeom prst="rect">
            <a:avLst/>
          </a:prstGeom>
          <a:noFill/>
        </p:spPr>
        <p:txBody>
          <a:bodyPr wrap="square" rtlCol="0" anchor="ctr">
            <a:spAutoFit/>
          </a:bodyPr>
          <a:lstStyle/>
          <a:p>
            <a:r>
              <a:rPr lang="vi-VN" sz="2000" b="1" dirty="0"/>
              <a:t>Cơ cấu hệ thống giáo dục Việt Nam</a:t>
            </a:r>
          </a:p>
        </p:txBody>
      </p:sp>
      <p:sp>
        <p:nvSpPr>
          <p:cNvPr id="30" name="Rectangle 29">
            <a:extLst>
              <a:ext uri="{FF2B5EF4-FFF2-40B4-BE49-F238E27FC236}">
                <a16:creationId xmlns:a16="http://schemas.microsoft.com/office/drawing/2014/main" xmlns="" id="{A6B9682A-5571-623D-AA03-9885C8C0279B}"/>
              </a:ext>
            </a:extLst>
          </p:cNvPr>
          <p:cNvSpPr/>
          <p:nvPr/>
        </p:nvSpPr>
        <p:spPr>
          <a:xfrm>
            <a:off x="648264" y="2926057"/>
            <a:ext cx="607222" cy="588465"/>
          </a:xfrm>
          <a:prstGeom prst="rect">
            <a:avLst/>
          </a:prstGeom>
          <a:solidFill>
            <a:schemeClr val="accent6"/>
          </a:solidFill>
          <a:ln>
            <a:solidFill>
              <a:schemeClr val="accent5"/>
            </a:solidFill>
          </a:ln>
        </p:spPr>
        <p:style>
          <a:lnRef idx="2">
            <a:schemeClr val="accent1"/>
          </a:lnRef>
          <a:fillRef idx="1">
            <a:schemeClr val="lt1"/>
          </a:fillRef>
          <a:effectRef idx="0">
            <a:schemeClr val="accent1"/>
          </a:effectRef>
          <a:fontRef idx="minor">
            <a:schemeClr val="dk1"/>
          </a:fontRef>
        </p:style>
        <p:txBody>
          <a:bodyPr rtlCol="0" anchor="ctr"/>
          <a:lstStyle/>
          <a:p>
            <a:pPr algn="ctr"/>
            <a:r>
              <a:rPr lang="vi-VN" sz="2400" b="1" dirty="0">
                <a:latin typeface="Arial" panose="020B0604020202020204" pitchFamily="34" charset="0"/>
                <a:cs typeface="Arial" panose="020B0604020202020204" pitchFamily="34" charset="0"/>
              </a:rPr>
              <a:t>III.</a:t>
            </a:r>
          </a:p>
        </p:txBody>
      </p:sp>
      <p:sp>
        <p:nvSpPr>
          <p:cNvPr id="31" name="TextBox 30">
            <a:extLst>
              <a:ext uri="{FF2B5EF4-FFF2-40B4-BE49-F238E27FC236}">
                <a16:creationId xmlns:a16="http://schemas.microsoft.com/office/drawing/2014/main" xmlns="" id="{963CFE15-0943-AE66-1A45-019BDF7B776C}"/>
              </a:ext>
            </a:extLst>
          </p:cNvPr>
          <p:cNvSpPr txBox="1"/>
          <p:nvPr/>
        </p:nvSpPr>
        <p:spPr>
          <a:xfrm>
            <a:off x="1446551" y="2709516"/>
            <a:ext cx="6790305" cy="1021549"/>
          </a:xfrm>
          <a:prstGeom prst="rect">
            <a:avLst/>
          </a:prstGeom>
          <a:noFill/>
        </p:spPr>
        <p:txBody>
          <a:bodyPr wrap="square" bIns="108000" rtlCol="0" anchor="ctr">
            <a:spAutoFit/>
          </a:bodyPr>
          <a:lstStyle/>
          <a:p>
            <a:pPr>
              <a:lnSpc>
                <a:spcPct val="150000"/>
              </a:lnSpc>
            </a:pPr>
            <a:r>
              <a:rPr lang="vi-VN" sz="2000" b="1" dirty="0"/>
              <a:t>Cơ hội lựa chọn nghề nghiệp trong lĩnh vực kĩ thuật, công nghệ trong hệ thống giáo dục</a:t>
            </a:r>
          </a:p>
        </p:txBody>
      </p:sp>
      <p:sp>
        <p:nvSpPr>
          <p:cNvPr id="32" name="Rectangle 31">
            <a:extLst>
              <a:ext uri="{FF2B5EF4-FFF2-40B4-BE49-F238E27FC236}">
                <a16:creationId xmlns:a16="http://schemas.microsoft.com/office/drawing/2014/main" xmlns="" id="{4B4D72D6-DD15-3478-059A-D6784A68A063}"/>
              </a:ext>
            </a:extLst>
          </p:cNvPr>
          <p:cNvSpPr/>
          <p:nvPr/>
        </p:nvSpPr>
        <p:spPr>
          <a:xfrm>
            <a:off x="648264" y="2049829"/>
            <a:ext cx="607222" cy="588464"/>
          </a:xfrm>
          <a:prstGeom prst="rect">
            <a:avLst/>
          </a:prstGeom>
          <a:solidFill>
            <a:schemeClr val="accent6"/>
          </a:solidFill>
          <a:ln>
            <a:solidFill>
              <a:schemeClr val="accent5"/>
            </a:solidFill>
          </a:ln>
        </p:spPr>
        <p:style>
          <a:lnRef idx="2">
            <a:schemeClr val="accent1"/>
          </a:lnRef>
          <a:fillRef idx="1">
            <a:schemeClr val="lt1"/>
          </a:fillRef>
          <a:effectRef idx="0">
            <a:schemeClr val="accent1"/>
          </a:effectRef>
          <a:fontRef idx="minor">
            <a:schemeClr val="dk1"/>
          </a:fontRef>
        </p:style>
        <p:txBody>
          <a:bodyPr rtlCol="0" anchor="ctr"/>
          <a:lstStyle/>
          <a:p>
            <a:pPr algn="ctr"/>
            <a:r>
              <a:rPr lang="vi-VN" sz="2400" b="1" dirty="0">
                <a:latin typeface="Arial" panose="020B0604020202020204" pitchFamily="34" charset="0"/>
                <a:cs typeface="Arial" panose="020B0604020202020204" pitchFamily="34" charset="0"/>
              </a:rPr>
              <a:t>II.</a:t>
            </a:r>
          </a:p>
        </p:txBody>
      </p:sp>
      <p:sp>
        <p:nvSpPr>
          <p:cNvPr id="33" name="TextBox 32">
            <a:extLst>
              <a:ext uri="{FF2B5EF4-FFF2-40B4-BE49-F238E27FC236}">
                <a16:creationId xmlns:a16="http://schemas.microsoft.com/office/drawing/2014/main" xmlns="" id="{603DA1A3-81B0-A5D4-9AB8-AA6C2682D893}"/>
              </a:ext>
            </a:extLst>
          </p:cNvPr>
          <p:cNvSpPr txBox="1"/>
          <p:nvPr/>
        </p:nvSpPr>
        <p:spPr>
          <a:xfrm>
            <a:off x="1446551" y="2144004"/>
            <a:ext cx="5034078" cy="400110"/>
          </a:xfrm>
          <a:prstGeom prst="rect">
            <a:avLst/>
          </a:prstGeom>
          <a:noFill/>
        </p:spPr>
        <p:txBody>
          <a:bodyPr wrap="square" rtlCol="0" anchor="ctr">
            <a:spAutoFit/>
          </a:bodyPr>
          <a:lstStyle/>
          <a:p>
            <a:r>
              <a:rPr lang="vi-VN" sz="2000" b="1" dirty="0"/>
              <a:t>Phân luồng trong hệ thống giáo dục</a:t>
            </a:r>
          </a:p>
        </p:txBody>
      </p:sp>
      <p:sp>
        <p:nvSpPr>
          <p:cNvPr id="38" name="Rectangle 37">
            <a:extLst>
              <a:ext uri="{FF2B5EF4-FFF2-40B4-BE49-F238E27FC236}">
                <a16:creationId xmlns:a16="http://schemas.microsoft.com/office/drawing/2014/main" xmlns="" id="{B1ABCD72-B559-05AB-2A15-FDABBD541C98}"/>
              </a:ext>
            </a:extLst>
          </p:cNvPr>
          <p:cNvSpPr/>
          <p:nvPr/>
        </p:nvSpPr>
        <p:spPr>
          <a:xfrm>
            <a:off x="648264" y="3863896"/>
            <a:ext cx="607222" cy="588465"/>
          </a:xfrm>
          <a:prstGeom prst="rect">
            <a:avLst/>
          </a:prstGeom>
          <a:solidFill>
            <a:schemeClr val="accent6"/>
          </a:solidFill>
          <a:ln>
            <a:solidFill>
              <a:schemeClr val="accent5"/>
            </a:solidFill>
          </a:ln>
        </p:spPr>
        <p:style>
          <a:lnRef idx="2">
            <a:schemeClr val="accent1"/>
          </a:lnRef>
          <a:fillRef idx="1">
            <a:schemeClr val="lt1"/>
          </a:fillRef>
          <a:effectRef idx="0">
            <a:schemeClr val="accent1"/>
          </a:effectRef>
          <a:fontRef idx="minor">
            <a:schemeClr val="dk1"/>
          </a:fontRef>
        </p:style>
        <p:txBody>
          <a:bodyPr rtlCol="0" anchor="ctr"/>
          <a:lstStyle/>
          <a:p>
            <a:pPr algn="ctr"/>
            <a:r>
              <a:rPr lang="vi-VN" sz="2400" b="1" dirty="0">
                <a:latin typeface="Arial" panose="020B0604020202020204" pitchFamily="34" charset="0"/>
                <a:cs typeface="Arial" panose="020B0604020202020204" pitchFamily="34" charset="0"/>
              </a:rPr>
              <a:t>IV.</a:t>
            </a:r>
          </a:p>
        </p:txBody>
      </p:sp>
      <p:sp>
        <p:nvSpPr>
          <p:cNvPr id="39" name="TextBox 38">
            <a:extLst>
              <a:ext uri="{FF2B5EF4-FFF2-40B4-BE49-F238E27FC236}">
                <a16:creationId xmlns:a16="http://schemas.microsoft.com/office/drawing/2014/main" xmlns="" id="{5A3900AC-2CC2-AC28-7657-2216CC8FC7BC}"/>
              </a:ext>
            </a:extLst>
          </p:cNvPr>
          <p:cNvSpPr txBox="1"/>
          <p:nvPr/>
        </p:nvSpPr>
        <p:spPr>
          <a:xfrm>
            <a:off x="1446551" y="3647355"/>
            <a:ext cx="7262020" cy="1021549"/>
          </a:xfrm>
          <a:prstGeom prst="rect">
            <a:avLst/>
          </a:prstGeom>
          <a:noFill/>
        </p:spPr>
        <p:txBody>
          <a:bodyPr wrap="square" bIns="108000" rtlCol="0" anchor="ctr">
            <a:spAutoFit/>
          </a:bodyPr>
          <a:lstStyle/>
          <a:p>
            <a:pPr>
              <a:lnSpc>
                <a:spcPct val="150000"/>
              </a:lnSpc>
            </a:pPr>
            <a:r>
              <a:rPr lang="vi-VN" sz="2000" b="1" dirty="0"/>
              <a:t>Những hướng đi liên quan tới nghề nghiệp trong lĩnh vực kĩ thuật, công nghệ sau khi tốt nghiệp trung học cơ sở</a:t>
            </a:r>
          </a:p>
        </p:txBody>
      </p:sp>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3" presetClass="entr" presetSubtype="16" fill="hold" grpId="0" nodeType="clickEffect">
                                  <p:stCondLst>
                                    <p:cond delay="0"/>
                                  </p:stCondLst>
                                  <p:childTnLst>
                                    <p:set>
                                      <p:cBhvr>
                                        <p:cTn id="6" dur="1" fill="hold">
                                          <p:stCondLst>
                                            <p:cond delay="0"/>
                                          </p:stCondLst>
                                        </p:cTn>
                                        <p:tgtEl>
                                          <p:spTgt spid="28"/>
                                        </p:tgtEl>
                                        <p:attrNameLst>
                                          <p:attrName>style.visibility</p:attrName>
                                        </p:attrNameLst>
                                      </p:cBhvr>
                                      <p:to>
                                        <p:strVal val="visible"/>
                                      </p:to>
                                    </p:set>
                                    <p:animEffect transition="in" filter="plus(in)">
                                      <p:cBhvr>
                                        <p:cTn id="7" dur="500"/>
                                        <p:tgtEl>
                                          <p:spTgt spid="28"/>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29"/>
                                        </p:tgtEl>
                                        <p:attrNameLst>
                                          <p:attrName>style.visibility</p:attrName>
                                        </p:attrNameLst>
                                      </p:cBhvr>
                                      <p:to>
                                        <p:strVal val="visible"/>
                                      </p:to>
                                    </p:set>
                                    <p:animEffect transition="in" filter="wipe(down)">
                                      <p:cBhvr>
                                        <p:cTn id="11" dur="500"/>
                                        <p:tgtEl>
                                          <p:spTgt spid="29"/>
                                        </p:tgtEl>
                                      </p:cBhvr>
                                    </p:animEffect>
                                  </p:childTnLst>
                                </p:cTn>
                              </p:par>
                            </p:childTnLst>
                          </p:cTn>
                        </p:par>
                      </p:childTnLst>
                    </p:cTn>
                  </p:par>
                  <p:par>
                    <p:cTn id="12" fill="hold">
                      <p:stCondLst>
                        <p:cond delay="indefinite"/>
                      </p:stCondLst>
                      <p:childTnLst>
                        <p:par>
                          <p:cTn id="13" fill="hold">
                            <p:stCondLst>
                              <p:cond delay="0"/>
                            </p:stCondLst>
                            <p:childTnLst>
                              <p:par>
                                <p:cTn id="14" presetID="13" presetClass="entr" presetSubtype="16" fill="hold" grpId="0" nodeType="clickEffect">
                                  <p:stCondLst>
                                    <p:cond delay="0"/>
                                  </p:stCondLst>
                                  <p:childTnLst>
                                    <p:set>
                                      <p:cBhvr>
                                        <p:cTn id="15" dur="1" fill="hold">
                                          <p:stCondLst>
                                            <p:cond delay="0"/>
                                          </p:stCondLst>
                                        </p:cTn>
                                        <p:tgtEl>
                                          <p:spTgt spid="32"/>
                                        </p:tgtEl>
                                        <p:attrNameLst>
                                          <p:attrName>style.visibility</p:attrName>
                                        </p:attrNameLst>
                                      </p:cBhvr>
                                      <p:to>
                                        <p:strVal val="visible"/>
                                      </p:to>
                                    </p:set>
                                    <p:animEffect transition="in" filter="plus(in)">
                                      <p:cBhvr>
                                        <p:cTn id="16" dur="500"/>
                                        <p:tgtEl>
                                          <p:spTgt spid="32"/>
                                        </p:tgtEl>
                                      </p:cBhvr>
                                    </p:animEffect>
                                  </p:childTnLst>
                                </p:cTn>
                              </p:par>
                            </p:childTnLst>
                          </p:cTn>
                        </p:par>
                        <p:par>
                          <p:cTn id="17" fill="hold">
                            <p:stCondLst>
                              <p:cond delay="500"/>
                            </p:stCondLst>
                            <p:childTnLst>
                              <p:par>
                                <p:cTn id="18" presetID="22" presetClass="entr" presetSubtype="4" fill="hold" grpId="0" nodeType="afterEffect">
                                  <p:stCondLst>
                                    <p:cond delay="0"/>
                                  </p:stCondLst>
                                  <p:childTnLst>
                                    <p:set>
                                      <p:cBhvr>
                                        <p:cTn id="19" dur="1" fill="hold">
                                          <p:stCondLst>
                                            <p:cond delay="0"/>
                                          </p:stCondLst>
                                        </p:cTn>
                                        <p:tgtEl>
                                          <p:spTgt spid="33"/>
                                        </p:tgtEl>
                                        <p:attrNameLst>
                                          <p:attrName>style.visibility</p:attrName>
                                        </p:attrNameLst>
                                      </p:cBhvr>
                                      <p:to>
                                        <p:strVal val="visible"/>
                                      </p:to>
                                    </p:set>
                                    <p:animEffect transition="in" filter="wipe(down)">
                                      <p:cBhvr>
                                        <p:cTn id="20" dur="500"/>
                                        <p:tgtEl>
                                          <p:spTgt spid="33"/>
                                        </p:tgtEl>
                                      </p:cBhvr>
                                    </p:animEffect>
                                  </p:childTnLst>
                                </p:cTn>
                              </p:par>
                            </p:childTnLst>
                          </p:cTn>
                        </p:par>
                      </p:childTnLst>
                    </p:cTn>
                  </p:par>
                  <p:par>
                    <p:cTn id="21" fill="hold">
                      <p:stCondLst>
                        <p:cond delay="indefinite"/>
                      </p:stCondLst>
                      <p:childTnLst>
                        <p:par>
                          <p:cTn id="22" fill="hold">
                            <p:stCondLst>
                              <p:cond delay="0"/>
                            </p:stCondLst>
                            <p:childTnLst>
                              <p:par>
                                <p:cTn id="23" presetID="13" presetClass="entr" presetSubtype="16" fill="hold" grpId="0" nodeType="clickEffect">
                                  <p:stCondLst>
                                    <p:cond delay="0"/>
                                  </p:stCondLst>
                                  <p:childTnLst>
                                    <p:set>
                                      <p:cBhvr>
                                        <p:cTn id="24" dur="1" fill="hold">
                                          <p:stCondLst>
                                            <p:cond delay="0"/>
                                          </p:stCondLst>
                                        </p:cTn>
                                        <p:tgtEl>
                                          <p:spTgt spid="30"/>
                                        </p:tgtEl>
                                        <p:attrNameLst>
                                          <p:attrName>style.visibility</p:attrName>
                                        </p:attrNameLst>
                                      </p:cBhvr>
                                      <p:to>
                                        <p:strVal val="visible"/>
                                      </p:to>
                                    </p:set>
                                    <p:animEffect transition="in" filter="plus(in)">
                                      <p:cBhvr>
                                        <p:cTn id="25" dur="500"/>
                                        <p:tgtEl>
                                          <p:spTgt spid="30"/>
                                        </p:tgtEl>
                                      </p:cBhvr>
                                    </p:animEffect>
                                  </p:childTnLst>
                                </p:cTn>
                              </p:par>
                            </p:childTnLst>
                          </p:cTn>
                        </p:par>
                        <p:par>
                          <p:cTn id="26" fill="hold">
                            <p:stCondLst>
                              <p:cond delay="500"/>
                            </p:stCondLst>
                            <p:childTnLst>
                              <p:par>
                                <p:cTn id="27" presetID="22" presetClass="entr" presetSubtype="4" fill="hold" grpId="0" nodeType="afterEffect">
                                  <p:stCondLst>
                                    <p:cond delay="0"/>
                                  </p:stCondLst>
                                  <p:childTnLst>
                                    <p:set>
                                      <p:cBhvr>
                                        <p:cTn id="28" dur="1" fill="hold">
                                          <p:stCondLst>
                                            <p:cond delay="0"/>
                                          </p:stCondLst>
                                        </p:cTn>
                                        <p:tgtEl>
                                          <p:spTgt spid="31"/>
                                        </p:tgtEl>
                                        <p:attrNameLst>
                                          <p:attrName>style.visibility</p:attrName>
                                        </p:attrNameLst>
                                      </p:cBhvr>
                                      <p:to>
                                        <p:strVal val="visible"/>
                                      </p:to>
                                    </p:set>
                                    <p:animEffect transition="in" filter="wipe(down)">
                                      <p:cBhvr>
                                        <p:cTn id="29" dur="500"/>
                                        <p:tgtEl>
                                          <p:spTgt spid="31"/>
                                        </p:tgtEl>
                                      </p:cBhvr>
                                    </p:animEffect>
                                  </p:childTnLst>
                                </p:cTn>
                              </p:par>
                            </p:childTnLst>
                          </p:cTn>
                        </p:par>
                      </p:childTnLst>
                    </p:cTn>
                  </p:par>
                  <p:par>
                    <p:cTn id="30" fill="hold">
                      <p:stCondLst>
                        <p:cond delay="indefinite"/>
                      </p:stCondLst>
                      <p:childTnLst>
                        <p:par>
                          <p:cTn id="31" fill="hold">
                            <p:stCondLst>
                              <p:cond delay="0"/>
                            </p:stCondLst>
                            <p:childTnLst>
                              <p:par>
                                <p:cTn id="32" presetID="13" presetClass="entr" presetSubtype="16" fill="hold" grpId="0" nodeType="clickEffect">
                                  <p:stCondLst>
                                    <p:cond delay="0"/>
                                  </p:stCondLst>
                                  <p:childTnLst>
                                    <p:set>
                                      <p:cBhvr>
                                        <p:cTn id="33" dur="1" fill="hold">
                                          <p:stCondLst>
                                            <p:cond delay="0"/>
                                          </p:stCondLst>
                                        </p:cTn>
                                        <p:tgtEl>
                                          <p:spTgt spid="38"/>
                                        </p:tgtEl>
                                        <p:attrNameLst>
                                          <p:attrName>style.visibility</p:attrName>
                                        </p:attrNameLst>
                                      </p:cBhvr>
                                      <p:to>
                                        <p:strVal val="visible"/>
                                      </p:to>
                                    </p:set>
                                    <p:animEffect transition="in" filter="plus(in)">
                                      <p:cBhvr>
                                        <p:cTn id="34" dur="500"/>
                                        <p:tgtEl>
                                          <p:spTgt spid="38"/>
                                        </p:tgtEl>
                                      </p:cBhvr>
                                    </p:animEffect>
                                  </p:childTnLst>
                                </p:cTn>
                              </p:par>
                            </p:childTnLst>
                          </p:cTn>
                        </p:par>
                        <p:par>
                          <p:cTn id="35" fill="hold">
                            <p:stCondLst>
                              <p:cond delay="500"/>
                            </p:stCondLst>
                            <p:childTnLst>
                              <p:par>
                                <p:cTn id="36" presetID="22" presetClass="entr" presetSubtype="4" fill="hold" grpId="0" nodeType="afterEffect">
                                  <p:stCondLst>
                                    <p:cond delay="0"/>
                                  </p:stCondLst>
                                  <p:childTnLst>
                                    <p:set>
                                      <p:cBhvr>
                                        <p:cTn id="37" dur="1" fill="hold">
                                          <p:stCondLst>
                                            <p:cond delay="0"/>
                                          </p:stCondLst>
                                        </p:cTn>
                                        <p:tgtEl>
                                          <p:spTgt spid="39"/>
                                        </p:tgtEl>
                                        <p:attrNameLst>
                                          <p:attrName>style.visibility</p:attrName>
                                        </p:attrNameLst>
                                      </p:cBhvr>
                                      <p:to>
                                        <p:strVal val="visible"/>
                                      </p:to>
                                    </p:set>
                                    <p:animEffect transition="in" filter="wipe(down)">
                                      <p:cBhvr>
                                        <p:cTn id="38" dur="500"/>
                                        <p:tgtEl>
                                          <p:spTgt spid="3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8" grpId="0" animBg="1"/>
      <p:bldP spid="29" grpId="0"/>
      <p:bldP spid="30" grpId="0" animBg="1"/>
      <p:bldP spid="31" grpId="0"/>
      <p:bldP spid="32" grpId="0" animBg="1"/>
      <p:bldP spid="33" grpId="0"/>
      <p:bldP spid="38" grpId="0" animBg="1"/>
      <p:bldP spid="39"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407"/>
        <p:cNvGrpSpPr/>
        <p:nvPr/>
      </p:nvGrpSpPr>
      <p:grpSpPr>
        <a:xfrm>
          <a:off x="0" y="0"/>
          <a:ext cx="0" cy="0"/>
          <a:chOff x="0" y="0"/>
          <a:chExt cx="0" cy="0"/>
        </a:xfrm>
      </p:grpSpPr>
      <p:sp>
        <p:nvSpPr>
          <p:cNvPr id="408" name="Google Shape;408;p28"/>
          <p:cNvSpPr txBox="1">
            <a:spLocks noGrp="1"/>
          </p:cNvSpPr>
          <p:nvPr>
            <p:ph type="title"/>
          </p:nvPr>
        </p:nvSpPr>
        <p:spPr>
          <a:xfrm>
            <a:off x="671843" y="2015572"/>
            <a:ext cx="3842828" cy="2504577"/>
          </a:xfrm>
          <a:prstGeom prst="rect">
            <a:avLst/>
          </a:prstGeom>
        </p:spPr>
        <p:txBody>
          <a:bodyPr spcFirstLastPara="1" wrap="square" lIns="91425" tIns="91425" rIns="91425" bIns="91425" anchor="ctr" anchorCtr="0">
            <a:noAutofit/>
          </a:bodyPr>
          <a:lstStyle/>
          <a:p>
            <a:pPr algn="ctr">
              <a:lnSpc>
                <a:spcPct val="150000"/>
              </a:lnSpc>
            </a:pPr>
            <a:r>
              <a:rPr lang="vi-VN" sz="3600" b="1" dirty="0">
                <a:latin typeface="Arial" panose="020B0604020202020204" pitchFamily="34" charset="0"/>
                <a:cs typeface="Arial" panose="020B0604020202020204" pitchFamily="34" charset="0"/>
              </a:rPr>
              <a:t>CƠ CẤU HỆ THỐNG GIÁO DỤC VIỆT NAM</a:t>
            </a:r>
          </a:p>
        </p:txBody>
      </p:sp>
      <p:grpSp>
        <p:nvGrpSpPr>
          <p:cNvPr id="411" name="Google Shape;411;p28"/>
          <p:cNvGrpSpPr/>
          <p:nvPr/>
        </p:nvGrpSpPr>
        <p:grpSpPr>
          <a:xfrm>
            <a:off x="304800" y="539178"/>
            <a:ext cx="3148432" cy="4478592"/>
            <a:chOff x="4588400" y="752503"/>
            <a:chExt cx="1247200" cy="1774051"/>
          </a:xfrm>
        </p:grpSpPr>
        <p:sp>
          <p:nvSpPr>
            <p:cNvPr id="412" name="Google Shape;412;p28"/>
            <p:cNvSpPr/>
            <p:nvPr/>
          </p:nvSpPr>
          <p:spPr>
            <a:xfrm>
              <a:off x="4678825" y="752525"/>
              <a:ext cx="1156775" cy="445275"/>
            </a:xfrm>
            <a:custGeom>
              <a:avLst/>
              <a:gdLst/>
              <a:ahLst/>
              <a:cxnLst/>
              <a:rect l="l" t="t" r="r" b="b"/>
              <a:pathLst>
                <a:path w="46271" h="17811" extrusionOk="0">
                  <a:moveTo>
                    <a:pt x="37707" y="6102"/>
                  </a:moveTo>
                  <a:lnTo>
                    <a:pt x="37707" y="7184"/>
                  </a:lnTo>
                  <a:lnTo>
                    <a:pt x="37419" y="7184"/>
                  </a:lnTo>
                  <a:lnTo>
                    <a:pt x="37419" y="6463"/>
                  </a:lnTo>
                  <a:lnTo>
                    <a:pt x="37140" y="6463"/>
                  </a:lnTo>
                  <a:lnTo>
                    <a:pt x="37140" y="7019"/>
                  </a:lnTo>
                  <a:lnTo>
                    <a:pt x="36673" y="7019"/>
                  </a:lnTo>
                  <a:cubicBezTo>
                    <a:pt x="36669" y="6993"/>
                    <a:pt x="36653" y="6970"/>
                    <a:pt x="36626" y="6964"/>
                  </a:cubicBezTo>
                  <a:lnTo>
                    <a:pt x="36606" y="6962"/>
                  </a:lnTo>
                  <a:lnTo>
                    <a:pt x="36606" y="6962"/>
                  </a:lnTo>
                  <a:cubicBezTo>
                    <a:pt x="36609" y="6962"/>
                    <a:pt x="36612" y="6962"/>
                    <a:pt x="36614" y="6962"/>
                  </a:cubicBezTo>
                  <a:cubicBezTo>
                    <a:pt x="36644" y="6962"/>
                    <a:pt x="36670" y="6941"/>
                    <a:pt x="36677" y="6911"/>
                  </a:cubicBezTo>
                  <a:cubicBezTo>
                    <a:pt x="36683" y="6877"/>
                    <a:pt x="36660" y="6843"/>
                    <a:pt x="36626" y="6837"/>
                  </a:cubicBezTo>
                  <a:lnTo>
                    <a:pt x="36605" y="6833"/>
                  </a:lnTo>
                  <a:lnTo>
                    <a:pt x="36605" y="6833"/>
                  </a:lnTo>
                  <a:cubicBezTo>
                    <a:pt x="36608" y="6834"/>
                    <a:pt x="36611" y="6834"/>
                    <a:pt x="36615" y="6834"/>
                  </a:cubicBezTo>
                  <a:cubicBezTo>
                    <a:pt x="36645" y="6834"/>
                    <a:pt x="36671" y="6813"/>
                    <a:pt x="36677" y="6782"/>
                  </a:cubicBezTo>
                  <a:cubicBezTo>
                    <a:pt x="36679" y="6771"/>
                    <a:pt x="36674" y="6761"/>
                    <a:pt x="36670" y="6750"/>
                  </a:cubicBezTo>
                  <a:cubicBezTo>
                    <a:pt x="36678" y="6740"/>
                    <a:pt x="36685" y="6729"/>
                    <a:pt x="36686" y="6715"/>
                  </a:cubicBezTo>
                  <a:cubicBezTo>
                    <a:pt x="36680" y="6682"/>
                    <a:pt x="36680" y="6682"/>
                    <a:pt x="36627" y="6641"/>
                  </a:cubicBezTo>
                  <a:lnTo>
                    <a:pt x="36610" y="6631"/>
                  </a:lnTo>
                  <a:cubicBezTo>
                    <a:pt x="36552" y="6597"/>
                    <a:pt x="36486" y="6584"/>
                    <a:pt x="36420" y="6581"/>
                  </a:cubicBezTo>
                  <a:cubicBezTo>
                    <a:pt x="36413" y="6580"/>
                    <a:pt x="36406" y="6580"/>
                    <a:pt x="36400" y="6580"/>
                  </a:cubicBezTo>
                  <a:cubicBezTo>
                    <a:pt x="36381" y="6579"/>
                    <a:pt x="36363" y="6578"/>
                    <a:pt x="36346" y="6578"/>
                  </a:cubicBezTo>
                  <a:cubicBezTo>
                    <a:pt x="36294" y="6578"/>
                    <a:pt x="36247" y="6584"/>
                    <a:pt x="36198" y="6609"/>
                  </a:cubicBezTo>
                  <a:lnTo>
                    <a:pt x="36183" y="6615"/>
                  </a:lnTo>
                  <a:cubicBezTo>
                    <a:pt x="36172" y="6622"/>
                    <a:pt x="36161" y="6631"/>
                    <a:pt x="36152" y="6639"/>
                  </a:cubicBezTo>
                  <a:cubicBezTo>
                    <a:pt x="36150" y="6640"/>
                    <a:pt x="36149" y="6641"/>
                    <a:pt x="36147" y="6642"/>
                  </a:cubicBezTo>
                  <a:cubicBezTo>
                    <a:pt x="36143" y="6646"/>
                    <a:pt x="36140" y="6652"/>
                    <a:pt x="36137" y="6656"/>
                  </a:cubicBezTo>
                  <a:cubicBezTo>
                    <a:pt x="36132" y="6664"/>
                    <a:pt x="36124" y="6670"/>
                    <a:pt x="36122" y="6679"/>
                  </a:cubicBezTo>
                  <a:cubicBezTo>
                    <a:pt x="36122" y="6682"/>
                    <a:pt x="36124" y="6684"/>
                    <a:pt x="36124" y="6686"/>
                  </a:cubicBezTo>
                  <a:cubicBezTo>
                    <a:pt x="36124" y="6687"/>
                    <a:pt x="36123" y="6687"/>
                    <a:pt x="36123" y="6688"/>
                  </a:cubicBezTo>
                  <a:cubicBezTo>
                    <a:pt x="36123" y="6690"/>
                    <a:pt x="36126" y="6693"/>
                    <a:pt x="36126" y="6696"/>
                  </a:cubicBezTo>
                  <a:cubicBezTo>
                    <a:pt x="36127" y="6709"/>
                    <a:pt x="36130" y="6720"/>
                    <a:pt x="36138" y="6731"/>
                  </a:cubicBezTo>
                  <a:cubicBezTo>
                    <a:pt x="36142" y="6735"/>
                    <a:pt x="36147" y="6736"/>
                    <a:pt x="36151" y="6739"/>
                  </a:cubicBezTo>
                  <a:cubicBezTo>
                    <a:pt x="36158" y="6744"/>
                    <a:pt x="36163" y="6751"/>
                    <a:pt x="36173" y="6754"/>
                  </a:cubicBezTo>
                  <a:lnTo>
                    <a:pt x="36194" y="6758"/>
                  </a:lnTo>
                  <a:cubicBezTo>
                    <a:pt x="36190" y="6757"/>
                    <a:pt x="36187" y="6757"/>
                    <a:pt x="36183" y="6757"/>
                  </a:cubicBezTo>
                  <a:cubicBezTo>
                    <a:pt x="36154" y="6757"/>
                    <a:pt x="36128" y="6777"/>
                    <a:pt x="36122" y="6807"/>
                  </a:cubicBezTo>
                  <a:cubicBezTo>
                    <a:pt x="36116" y="6841"/>
                    <a:pt x="36138" y="6874"/>
                    <a:pt x="36173" y="6881"/>
                  </a:cubicBezTo>
                  <a:lnTo>
                    <a:pt x="36194" y="6885"/>
                  </a:lnTo>
                  <a:cubicBezTo>
                    <a:pt x="36191" y="6884"/>
                    <a:pt x="36188" y="6884"/>
                    <a:pt x="36184" y="6884"/>
                  </a:cubicBezTo>
                  <a:cubicBezTo>
                    <a:pt x="36155" y="6884"/>
                    <a:pt x="36128" y="6905"/>
                    <a:pt x="36122" y="6935"/>
                  </a:cubicBezTo>
                  <a:cubicBezTo>
                    <a:pt x="36116" y="6970"/>
                    <a:pt x="36138" y="7003"/>
                    <a:pt x="36173" y="7009"/>
                  </a:cubicBezTo>
                  <a:lnTo>
                    <a:pt x="36194" y="7013"/>
                  </a:lnTo>
                  <a:lnTo>
                    <a:pt x="36194" y="7013"/>
                  </a:lnTo>
                  <a:cubicBezTo>
                    <a:pt x="36192" y="7013"/>
                    <a:pt x="36191" y="7012"/>
                    <a:pt x="36189" y="7012"/>
                  </a:cubicBezTo>
                  <a:cubicBezTo>
                    <a:pt x="36181" y="7012"/>
                    <a:pt x="36174" y="7016"/>
                    <a:pt x="36166" y="7018"/>
                  </a:cubicBezTo>
                  <a:lnTo>
                    <a:pt x="36010" y="7018"/>
                  </a:lnTo>
                  <a:cubicBezTo>
                    <a:pt x="36006" y="6992"/>
                    <a:pt x="35991" y="6970"/>
                    <a:pt x="35964" y="6964"/>
                  </a:cubicBezTo>
                  <a:lnTo>
                    <a:pt x="35942" y="6960"/>
                  </a:lnTo>
                  <a:lnTo>
                    <a:pt x="35942" y="6960"/>
                  </a:lnTo>
                  <a:cubicBezTo>
                    <a:pt x="35946" y="6961"/>
                    <a:pt x="35950" y="6961"/>
                    <a:pt x="35954" y="6961"/>
                  </a:cubicBezTo>
                  <a:cubicBezTo>
                    <a:pt x="35983" y="6961"/>
                    <a:pt x="36009" y="6941"/>
                    <a:pt x="36014" y="6911"/>
                  </a:cubicBezTo>
                  <a:cubicBezTo>
                    <a:pt x="36021" y="6877"/>
                    <a:pt x="35998" y="6843"/>
                    <a:pt x="35964" y="6837"/>
                  </a:cubicBezTo>
                  <a:lnTo>
                    <a:pt x="35942" y="6833"/>
                  </a:lnTo>
                  <a:lnTo>
                    <a:pt x="35942" y="6833"/>
                  </a:lnTo>
                  <a:cubicBezTo>
                    <a:pt x="35945" y="6834"/>
                    <a:pt x="35949" y="6834"/>
                    <a:pt x="35952" y="6834"/>
                  </a:cubicBezTo>
                  <a:cubicBezTo>
                    <a:pt x="35982" y="6834"/>
                    <a:pt x="36009" y="6813"/>
                    <a:pt x="36014" y="6782"/>
                  </a:cubicBezTo>
                  <a:cubicBezTo>
                    <a:pt x="36016" y="6771"/>
                    <a:pt x="36011" y="6761"/>
                    <a:pt x="36007" y="6749"/>
                  </a:cubicBezTo>
                  <a:cubicBezTo>
                    <a:pt x="36015" y="6740"/>
                    <a:pt x="36024" y="6729"/>
                    <a:pt x="36024" y="6714"/>
                  </a:cubicBezTo>
                  <a:cubicBezTo>
                    <a:pt x="36017" y="6682"/>
                    <a:pt x="36017" y="6682"/>
                    <a:pt x="35966" y="6641"/>
                  </a:cubicBezTo>
                  <a:lnTo>
                    <a:pt x="35948" y="6629"/>
                  </a:lnTo>
                  <a:cubicBezTo>
                    <a:pt x="35890" y="6596"/>
                    <a:pt x="35824" y="6584"/>
                    <a:pt x="35757" y="6581"/>
                  </a:cubicBezTo>
                  <a:cubicBezTo>
                    <a:pt x="35751" y="6580"/>
                    <a:pt x="35745" y="6580"/>
                    <a:pt x="35738" y="6580"/>
                  </a:cubicBezTo>
                  <a:cubicBezTo>
                    <a:pt x="35719" y="6579"/>
                    <a:pt x="35700" y="6578"/>
                    <a:pt x="35681" y="6578"/>
                  </a:cubicBezTo>
                  <a:cubicBezTo>
                    <a:pt x="35631" y="6578"/>
                    <a:pt x="35584" y="6584"/>
                    <a:pt x="35537" y="6609"/>
                  </a:cubicBezTo>
                  <a:lnTo>
                    <a:pt x="35521" y="6615"/>
                  </a:lnTo>
                  <a:cubicBezTo>
                    <a:pt x="35509" y="6622"/>
                    <a:pt x="35500" y="6631"/>
                    <a:pt x="35489" y="6639"/>
                  </a:cubicBezTo>
                  <a:cubicBezTo>
                    <a:pt x="35488" y="6640"/>
                    <a:pt x="35486" y="6641"/>
                    <a:pt x="35485" y="6642"/>
                  </a:cubicBezTo>
                  <a:cubicBezTo>
                    <a:pt x="35480" y="6646"/>
                    <a:pt x="35479" y="6652"/>
                    <a:pt x="35475" y="6656"/>
                  </a:cubicBezTo>
                  <a:cubicBezTo>
                    <a:pt x="35470" y="6664"/>
                    <a:pt x="35462" y="6670"/>
                    <a:pt x="35460" y="6679"/>
                  </a:cubicBezTo>
                  <a:cubicBezTo>
                    <a:pt x="35459" y="6682"/>
                    <a:pt x="35461" y="6683"/>
                    <a:pt x="35461" y="6686"/>
                  </a:cubicBezTo>
                  <a:cubicBezTo>
                    <a:pt x="35461" y="6686"/>
                    <a:pt x="35461" y="6687"/>
                    <a:pt x="35461" y="6687"/>
                  </a:cubicBezTo>
                  <a:cubicBezTo>
                    <a:pt x="35460" y="6690"/>
                    <a:pt x="35463" y="6693"/>
                    <a:pt x="35463" y="6696"/>
                  </a:cubicBezTo>
                  <a:cubicBezTo>
                    <a:pt x="35464" y="6709"/>
                    <a:pt x="35468" y="6720"/>
                    <a:pt x="35476" y="6731"/>
                  </a:cubicBezTo>
                  <a:cubicBezTo>
                    <a:pt x="35480" y="6735"/>
                    <a:pt x="35484" y="6736"/>
                    <a:pt x="35488" y="6738"/>
                  </a:cubicBezTo>
                  <a:cubicBezTo>
                    <a:pt x="35495" y="6744"/>
                    <a:pt x="35502" y="6751"/>
                    <a:pt x="35511" y="6754"/>
                  </a:cubicBezTo>
                  <a:lnTo>
                    <a:pt x="35532" y="6756"/>
                  </a:lnTo>
                  <a:lnTo>
                    <a:pt x="35532" y="6756"/>
                  </a:lnTo>
                  <a:cubicBezTo>
                    <a:pt x="35529" y="6756"/>
                    <a:pt x="35526" y="6756"/>
                    <a:pt x="35523" y="6756"/>
                  </a:cubicBezTo>
                  <a:cubicBezTo>
                    <a:pt x="35493" y="6756"/>
                    <a:pt x="35466" y="6777"/>
                    <a:pt x="35460" y="6807"/>
                  </a:cubicBezTo>
                  <a:cubicBezTo>
                    <a:pt x="35454" y="6841"/>
                    <a:pt x="35477" y="6874"/>
                    <a:pt x="35511" y="6881"/>
                  </a:cubicBezTo>
                  <a:lnTo>
                    <a:pt x="35533" y="6885"/>
                  </a:lnTo>
                  <a:cubicBezTo>
                    <a:pt x="35529" y="6884"/>
                    <a:pt x="35526" y="6884"/>
                    <a:pt x="35523" y="6884"/>
                  </a:cubicBezTo>
                  <a:cubicBezTo>
                    <a:pt x="35493" y="6884"/>
                    <a:pt x="35466" y="6905"/>
                    <a:pt x="35460" y="6935"/>
                  </a:cubicBezTo>
                  <a:cubicBezTo>
                    <a:pt x="35454" y="6970"/>
                    <a:pt x="35477" y="7002"/>
                    <a:pt x="35511" y="7009"/>
                  </a:cubicBezTo>
                  <a:lnTo>
                    <a:pt x="35532" y="7013"/>
                  </a:lnTo>
                  <a:lnTo>
                    <a:pt x="35532" y="7013"/>
                  </a:lnTo>
                  <a:cubicBezTo>
                    <a:pt x="35530" y="7013"/>
                    <a:pt x="35529" y="7012"/>
                    <a:pt x="35527" y="7012"/>
                  </a:cubicBezTo>
                  <a:cubicBezTo>
                    <a:pt x="35519" y="7012"/>
                    <a:pt x="35512" y="7016"/>
                    <a:pt x="35505" y="7018"/>
                  </a:cubicBezTo>
                  <a:lnTo>
                    <a:pt x="35349" y="7018"/>
                  </a:lnTo>
                  <a:cubicBezTo>
                    <a:pt x="35345" y="6992"/>
                    <a:pt x="35329" y="6970"/>
                    <a:pt x="35302" y="6964"/>
                  </a:cubicBezTo>
                  <a:lnTo>
                    <a:pt x="35280" y="6960"/>
                  </a:lnTo>
                  <a:lnTo>
                    <a:pt x="35280" y="6960"/>
                  </a:lnTo>
                  <a:cubicBezTo>
                    <a:pt x="35284" y="6961"/>
                    <a:pt x="35288" y="6961"/>
                    <a:pt x="35292" y="6961"/>
                  </a:cubicBezTo>
                  <a:cubicBezTo>
                    <a:pt x="35321" y="6961"/>
                    <a:pt x="35347" y="6940"/>
                    <a:pt x="35353" y="6911"/>
                  </a:cubicBezTo>
                  <a:cubicBezTo>
                    <a:pt x="35359" y="6877"/>
                    <a:pt x="35336" y="6843"/>
                    <a:pt x="35302" y="6837"/>
                  </a:cubicBezTo>
                  <a:lnTo>
                    <a:pt x="35280" y="6833"/>
                  </a:lnTo>
                  <a:lnTo>
                    <a:pt x="35280" y="6833"/>
                  </a:lnTo>
                  <a:cubicBezTo>
                    <a:pt x="35284" y="6834"/>
                    <a:pt x="35287" y="6834"/>
                    <a:pt x="35290" y="6834"/>
                  </a:cubicBezTo>
                  <a:cubicBezTo>
                    <a:pt x="35320" y="6834"/>
                    <a:pt x="35347" y="6813"/>
                    <a:pt x="35353" y="6782"/>
                  </a:cubicBezTo>
                  <a:cubicBezTo>
                    <a:pt x="35355" y="6771"/>
                    <a:pt x="35350" y="6761"/>
                    <a:pt x="35346" y="6749"/>
                  </a:cubicBezTo>
                  <a:cubicBezTo>
                    <a:pt x="35354" y="6739"/>
                    <a:pt x="35361" y="6729"/>
                    <a:pt x="35362" y="6714"/>
                  </a:cubicBezTo>
                  <a:cubicBezTo>
                    <a:pt x="35356" y="6682"/>
                    <a:pt x="35356" y="6682"/>
                    <a:pt x="35303" y="6641"/>
                  </a:cubicBezTo>
                  <a:lnTo>
                    <a:pt x="35286" y="6629"/>
                  </a:lnTo>
                  <a:cubicBezTo>
                    <a:pt x="35228" y="6596"/>
                    <a:pt x="35162" y="6584"/>
                    <a:pt x="35095" y="6580"/>
                  </a:cubicBezTo>
                  <a:lnTo>
                    <a:pt x="35076" y="6580"/>
                  </a:lnTo>
                  <a:cubicBezTo>
                    <a:pt x="35056" y="6579"/>
                    <a:pt x="35036" y="6578"/>
                    <a:pt x="35017" y="6578"/>
                  </a:cubicBezTo>
                  <a:cubicBezTo>
                    <a:pt x="34968" y="6578"/>
                    <a:pt x="34922" y="6584"/>
                    <a:pt x="34874" y="6609"/>
                  </a:cubicBezTo>
                  <a:lnTo>
                    <a:pt x="34859" y="6615"/>
                  </a:lnTo>
                  <a:cubicBezTo>
                    <a:pt x="34847" y="6622"/>
                    <a:pt x="34837" y="6629"/>
                    <a:pt x="34828" y="6638"/>
                  </a:cubicBezTo>
                  <a:cubicBezTo>
                    <a:pt x="34826" y="6640"/>
                    <a:pt x="34825" y="6641"/>
                    <a:pt x="34823" y="6642"/>
                  </a:cubicBezTo>
                  <a:cubicBezTo>
                    <a:pt x="34818" y="6646"/>
                    <a:pt x="34816" y="6652"/>
                    <a:pt x="34813" y="6656"/>
                  </a:cubicBezTo>
                  <a:cubicBezTo>
                    <a:pt x="34808" y="6664"/>
                    <a:pt x="34800" y="6670"/>
                    <a:pt x="34799" y="6679"/>
                  </a:cubicBezTo>
                  <a:cubicBezTo>
                    <a:pt x="34798" y="6682"/>
                    <a:pt x="34800" y="6683"/>
                    <a:pt x="34800" y="6686"/>
                  </a:cubicBezTo>
                  <a:cubicBezTo>
                    <a:pt x="34800" y="6686"/>
                    <a:pt x="34799" y="6687"/>
                    <a:pt x="34799" y="6687"/>
                  </a:cubicBezTo>
                  <a:cubicBezTo>
                    <a:pt x="34799" y="6690"/>
                    <a:pt x="34802" y="6693"/>
                    <a:pt x="34802" y="6696"/>
                  </a:cubicBezTo>
                  <a:cubicBezTo>
                    <a:pt x="34803" y="6709"/>
                    <a:pt x="34806" y="6720"/>
                    <a:pt x="34814" y="6731"/>
                  </a:cubicBezTo>
                  <a:cubicBezTo>
                    <a:pt x="34817" y="6735"/>
                    <a:pt x="34823" y="6735"/>
                    <a:pt x="34827" y="6738"/>
                  </a:cubicBezTo>
                  <a:cubicBezTo>
                    <a:pt x="34834" y="6743"/>
                    <a:pt x="34839" y="6751"/>
                    <a:pt x="34849" y="6752"/>
                  </a:cubicBezTo>
                  <a:lnTo>
                    <a:pt x="34870" y="6757"/>
                  </a:lnTo>
                  <a:cubicBezTo>
                    <a:pt x="34867" y="6756"/>
                    <a:pt x="34864" y="6756"/>
                    <a:pt x="34860" y="6756"/>
                  </a:cubicBezTo>
                  <a:cubicBezTo>
                    <a:pt x="34831" y="6756"/>
                    <a:pt x="34804" y="6777"/>
                    <a:pt x="34799" y="6807"/>
                  </a:cubicBezTo>
                  <a:cubicBezTo>
                    <a:pt x="34793" y="6841"/>
                    <a:pt x="34814" y="6874"/>
                    <a:pt x="34849" y="6881"/>
                  </a:cubicBezTo>
                  <a:lnTo>
                    <a:pt x="34871" y="6885"/>
                  </a:lnTo>
                  <a:cubicBezTo>
                    <a:pt x="34868" y="6884"/>
                    <a:pt x="34864" y="6884"/>
                    <a:pt x="34861" y="6884"/>
                  </a:cubicBezTo>
                  <a:cubicBezTo>
                    <a:pt x="34831" y="6884"/>
                    <a:pt x="34804" y="6905"/>
                    <a:pt x="34799" y="6934"/>
                  </a:cubicBezTo>
                  <a:cubicBezTo>
                    <a:pt x="34793" y="6969"/>
                    <a:pt x="34814" y="7002"/>
                    <a:pt x="34849" y="7009"/>
                  </a:cubicBezTo>
                  <a:lnTo>
                    <a:pt x="34871" y="7012"/>
                  </a:lnTo>
                  <a:cubicBezTo>
                    <a:pt x="34870" y="7012"/>
                    <a:pt x="34869" y="7012"/>
                    <a:pt x="34868" y="7012"/>
                  </a:cubicBezTo>
                  <a:cubicBezTo>
                    <a:pt x="34859" y="7012"/>
                    <a:pt x="34851" y="7015"/>
                    <a:pt x="34842" y="7018"/>
                  </a:cubicBezTo>
                  <a:lnTo>
                    <a:pt x="34687" y="7018"/>
                  </a:lnTo>
                  <a:cubicBezTo>
                    <a:pt x="34683" y="6992"/>
                    <a:pt x="34668" y="6970"/>
                    <a:pt x="34641" y="6964"/>
                  </a:cubicBezTo>
                  <a:lnTo>
                    <a:pt x="34619" y="6960"/>
                  </a:lnTo>
                  <a:lnTo>
                    <a:pt x="34619" y="6960"/>
                  </a:lnTo>
                  <a:cubicBezTo>
                    <a:pt x="34622" y="6961"/>
                    <a:pt x="34625" y="6961"/>
                    <a:pt x="34629" y="6961"/>
                  </a:cubicBezTo>
                  <a:cubicBezTo>
                    <a:pt x="34658" y="6961"/>
                    <a:pt x="34685" y="6940"/>
                    <a:pt x="34690" y="6911"/>
                  </a:cubicBezTo>
                  <a:cubicBezTo>
                    <a:pt x="34697" y="6877"/>
                    <a:pt x="34675" y="6843"/>
                    <a:pt x="34641" y="6836"/>
                  </a:cubicBezTo>
                  <a:lnTo>
                    <a:pt x="34621" y="6833"/>
                  </a:lnTo>
                  <a:lnTo>
                    <a:pt x="34621" y="6833"/>
                  </a:lnTo>
                  <a:cubicBezTo>
                    <a:pt x="34623" y="6834"/>
                    <a:pt x="34626" y="6834"/>
                    <a:pt x="34629" y="6834"/>
                  </a:cubicBezTo>
                  <a:cubicBezTo>
                    <a:pt x="34658" y="6834"/>
                    <a:pt x="34685" y="6813"/>
                    <a:pt x="34690" y="6782"/>
                  </a:cubicBezTo>
                  <a:cubicBezTo>
                    <a:pt x="34692" y="6770"/>
                    <a:pt x="34688" y="6760"/>
                    <a:pt x="34684" y="6749"/>
                  </a:cubicBezTo>
                  <a:cubicBezTo>
                    <a:pt x="34691" y="6739"/>
                    <a:pt x="34700" y="6729"/>
                    <a:pt x="34701" y="6714"/>
                  </a:cubicBezTo>
                  <a:cubicBezTo>
                    <a:pt x="34694" y="6682"/>
                    <a:pt x="34694" y="6682"/>
                    <a:pt x="34642" y="6641"/>
                  </a:cubicBezTo>
                  <a:lnTo>
                    <a:pt x="34624" y="6629"/>
                  </a:lnTo>
                  <a:cubicBezTo>
                    <a:pt x="34566" y="6596"/>
                    <a:pt x="34500" y="6584"/>
                    <a:pt x="34434" y="6580"/>
                  </a:cubicBezTo>
                  <a:cubicBezTo>
                    <a:pt x="34427" y="6580"/>
                    <a:pt x="34420" y="6580"/>
                    <a:pt x="34414" y="6579"/>
                  </a:cubicBezTo>
                  <a:cubicBezTo>
                    <a:pt x="34396" y="6578"/>
                    <a:pt x="34378" y="6577"/>
                    <a:pt x="34360" y="6577"/>
                  </a:cubicBezTo>
                  <a:cubicBezTo>
                    <a:pt x="34309" y="6577"/>
                    <a:pt x="34261" y="6583"/>
                    <a:pt x="34213" y="6608"/>
                  </a:cubicBezTo>
                  <a:lnTo>
                    <a:pt x="34197" y="6615"/>
                  </a:lnTo>
                  <a:cubicBezTo>
                    <a:pt x="34186" y="6622"/>
                    <a:pt x="34175" y="6629"/>
                    <a:pt x="34166" y="6638"/>
                  </a:cubicBezTo>
                  <a:cubicBezTo>
                    <a:pt x="34164" y="6639"/>
                    <a:pt x="34163" y="6641"/>
                    <a:pt x="34161" y="6642"/>
                  </a:cubicBezTo>
                  <a:cubicBezTo>
                    <a:pt x="34157" y="6646"/>
                    <a:pt x="34155" y="6651"/>
                    <a:pt x="34152" y="6656"/>
                  </a:cubicBezTo>
                  <a:cubicBezTo>
                    <a:pt x="34145" y="6664"/>
                    <a:pt x="34138" y="6670"/>
                    <a:pt x="34136" y="6679"/>
                  </a:cubicBezTo>
                  <a:cubicBezTo>
                    <a:pt x="34136" y="6682"/>
                    <a:pt x="34138" y="6683"/>
                    <a:pt x="34138" y="6686"/>
                  </a:cubicBezTo>
                  <a:cubicBezTo>
                    <a:pt x="34138" y="6686"/>
                    <a:pt x="34137" y="6687"/>
                    <a:pt x="34137" y="6687"/>
                  </a:cubicBezTo>
                  <a:cubicBezTo>
                    <a:pt x="34137" y="6690"/>
                    <a:pt x="34139" y="6693"/>
                    <a:pt x="34140" y="6696"/>
                  </a:cubicBezTo>
                  <a:cubicBezTo>
                    <a:pt x="34141" y="6709"/>
                    <a:pt x="34143" y="6720"/>
                    <a:pt x="34153" y="6731"/>
                  </a:cubicBezTo>
                  <a:cubicBezTo>
                    <a:pt x="34156" y="6734"/>
                    <a:pt x="34161" y="6735"/>
                    <a:pt x="34164" y="6738"/>
                  </a:cubicBezTo>
                  <a:cubicBezTo>
                    <a:pt x="34172" y="6743"/>
                    <a:pt x="34178" y="6751"/>
                    <a:pt x="34187" y="6752"/>
                  </a:cubicBezTo>
                  <a:lnTo>
                    <a:pt x="34209" y="6757"/>
                  </a:lnTo>
                  <a:cubicBezTo>
                    <a:pt x="34205" y="6756"/>
                    <a:pt x="34202" y="6756"/>
                    <a:pt x="34199" y="6756"/>
                  </a:cubicBezTo>
                  <a:cubicBezTo>
                    <a:pt x="34168" y="6756"/>
                    <a:pt x="34142" y="6777"/>
                    <a:pt x="34136" y="6807"/>
                  </a:cubicBezTo>
                  <a:cubicBezTo>
                    <a:pt x="34130" y="6841"/>
                    <a:pt x="34153" y="6874"/>
                    <a:pt x="34187" y="6881"/>
                  </a:cubicBezTo>
                  <a:lnTo>
                    <a:pt x="34209" y="6885"/>
                  </a:lnTo>
                  <a:cubicBezTo>
                    <a:pt x="34205" y="6884"/>
                    <a:pt x="34202" y="6884"/>
                    <a:pt x="34199" y="6884"/>
                  </a:cubicBezTo>
                  <a:cubicBezTo>
                    <a:pt x="34169" y="6884"/>
                    <a:pt x="34142" y="6905"/>
                    <a:pt x="34136" y="6934"/>
                  </a:cubicBezTo>
                  <a:cubicBezTo>
                    <a:pt x="34130" y="6969"/>
                    <a:pt x="34153" y="7002"/>
                    <a:pt x="34187" y="7009"/>
                  </a:cubicBezTo>
                  <a:lnTo>
                    <a:pt x="34209" y="7012"/>
                  </a:lnTo>
                  <a:cubicBezTo>
                    <a:pt x="34208" y="7012"/>
                    <a:pt x="34207" y="7012"/>
                    <a:pt x="34206" y="7012"/>
                  </a:cubicBezTo>
                  <a:cubicBezTo>
                    <a:pt x="34197" y="7012"/>
                    <a:pt x="34189" y="7015"/>
                    <a:pt x="34181" y="7018"/>
                  </a:cubicBezTo>
                  <a:lnTo>
                    <a:pt x="34025" y="7018"/>
                  </a:lnTo>
                  <a:cubicBezTo>
                    <a:pt x="34020" y="6992"/>
                    <a:pt x="34006" y="6970"/>
                    <a:pt x="33978" y="6964"/>
                  </a:cubicBezTo>
                  <a:lnTo>
                    <a:pt x="33956" y="6960"/>
                  </a:lnTo>
                  <a:lnTo>
                    <a:pt x="33956" y="6960"/>
                  </a:lnTo>
                  <a:cubicBezTo>
                    <a:pt x="33960" y="6961"/>
                    <a:pt x="33963" y="6961"/>
                    <a:pt x="33966" y="6961"/>
                  </a:cubicBezTo>
                  <a:cubicBezTo>
                    <a:pt x="33997" y="6961"/>
                    <a:pt x="34023" y="6940"/>
                    <a:pt x="34029" y="6911"/>
                  </a:cubicBezTo>
                  <a:cubicBezTo>
                    <a:pt x="34035" y="6877"/>
                    <a:pt x="34012" y="6843"/>
                    <a:pt x="33978" y="6836"/>
                  </a:cubicBezTo>
                  <a:lnTo>
                    <a:pt x="33957" y="6833"/>
                  </a:lnTo>
                  <a:lnTo>
                    <a:pt x="33957" y="6833"/>
                  </a:lnTo>
                  <a:cubicBezTo>
                    <a:pt x="33960" y="6834"/>
                    <a:pt x="33963" y="6834"/>
                    <a:pt x="33966" y="6834"/>
                  </a:cubicBezTo>
                  <a:cubicBezTo>
                    <a:pt x="33997" y="6834"/>
                    <a:pt x="34023" y="6813"/>
                    <a:pt x="34029" y="6782"/>
                  </a:cubicBezTo>
                  <a:cubicBezTo>
                    <a:pt x="34031" y="6770"/>
                    <a:pt x="34026" y="6760"/>
                    <a:pt x="34021" y="6749"/>
                  </a:cubicBezTo>
                  <a:cubicBezTo>
                    <a:pt x="34030" y="6739"/>
                    <a:pt x="34038" y="6729"/>
                    <a:pt x="34038" y="6714"/>
                  </a:cubicBezTo>
                  <a:cubicBezTo>
                    <a:pt x="34032" y="6682"/>
                    <a:pt x="34032" y="6682"/>
                    <a:pt x="33980" y="6641"/>
                  </a:cubicBezTo>
                  <a:lnTo>
                    <a:pt x="33963" y="6629"/>
                  </a:lnTo>
                  <a:cubicBezTo>
                    <a:pt x="33905" y="6596"/>
                    <a:pt x="33838" y="6584"/>
                    <a:pt x="33771" y="6580"/>
                  </a:cubicBezTo>
                  <a:cubicBezTo>
                    <a:pt x="33765" y="6580"/>
                    <a:pt x="33759" y="6580"/>
                    <a:pt x="33753" y="6579"/>
                  </a:cubicBezTo>
                  <a:cubicBezTo>
                    <a:pt x="33734" y="6578"/>
                    <a:pt x="33716" y="6577"/>
                    <a:pt x="33699" y="6577"/>
                  </a:cubicBezTo>
                  <a:cubicBezTo>
                    <a:pt x="33647" y="6577"/>
                    <a:pt x="33600" y="6583"/>
                    <a:pt x="33551" y="6608"/>
                  </a:cubicBezTo>
                  <a:lnTo>
                    <a:pt x="33536" y="6615"/>
                  </a:lnTo>
                  <a:cubicBezTo>
                    <a:pt x="33524" y="6622"/>
                    <a:pt x="33514" y="6629"/>
                    <a:pt x="33505" y="6638"/>
                  </a:cubicBezTo>
                  <a:cubicBezTo>
                    <a:pt x="33503" y="6639"/>
                    <a:pt x="33500" y="6641"/>
                    <a:pt x="33499" y="6642"/>
                  </a:cubicBezTo>
                  <a:cubicBezTo>
                    <a:pt x="33495" y="6646"/>
                    <a:pt x="33493" y="6651"/>
                    <a:pt x="33490" y="6656"/>
                  </a:cubicBezTo>
                  <a:cubicBezTo>
                    <a:pt x="33484" y="6664"/>
                    <a:pt x="33477" y="6670"/>
                    <a:pt x="33475" y="6679"/>
                  </a:cubicBezTo>
                  <a:cubicBezTo>
                    <a:pt x="33475" y="6682"/>
                    <a:pt x="33477" y="6683"/>
                    <a:pt x="33477" y="6686"/>
                  </a:cubicBezTo>
                  <a:cubicBezTo>
                    <a:pt x="33476" y="6686"/>
                    <a:pt x="33476" y="6687"/>
                    <a:pt x="33476" y="6687"/>
                  </a:cubicBezTo>
                  <a:cubicBezTo>
                    <a:pt x="33476" y="6690"/>
                    <a:pt x="33478" y="6693"/>
                    <a:pt x="33478" y="6696"/>
                  </a:cubicBezTo>
                  <a:cubicBezTo>
                    <a:pt x="33480" y="6709"/>
                    <a:pt x="33482" y="6720"/>
                    <a:pt x="33491" y="6731"/>
                  </a:cubicBezTo>
                  <a:cubicBezTo>
                    <a:pt x="33494" y="6734"/>
                    <a:pt x="33498" y="6735"/>
                    <a:pt x="33503" y="6738"/>
                  </a:cubicBezTo>
                  <a:cubicBezTo>
                    <a:pt x="33510" y="6743"/>
                    <a:pt x="33516" y="6751"/>
                    <a:pt x="33525" y="6752"/>
                  </a:cubicBezTo>
                  <a:lnTo>
                    <a:pt x="33547" y="6757"/>
                  </a:lnTo>
                  <a:cubicBezTo>
                    <a:pt x="33544" y="6756"/>
                    <a:pt x="33540" y="6756"/>
                    <a:pt x="33537" y="6756"/>
                  </a:cubicBezTo>
                  <a:cubicBezTo>
                    <a:pt x="33507" y="6756"/>
                    <a:pt x="33480" y="6777"/>
                    <a:pt x="33475" y="6807"/>
                  </a:cubicBezTo>
                  <a:cubicBezTo>
                    <a:pt x="33468" y="6841"/>
                    <a:pt x="33491" y="6874"/>
                    <a:pt x="33525" y="6881"/>
                  </a:cubicBezTo>
                  <a:lnTo>
                    <a:pt x="33547" y="6885"/>
                  </a:lnTo>
                  <a:cubicBezTo>
                    <a:pt x="33544" y="6884"/>
                    <a:pt x="33540" y="6884"/>
                    <a:pt x="33537" y="6884"/>
                  </a:cubicBezTo>
                  <a:cubicBezTo>
                    <a:pt x="33507" y="6884"/>
                    <a:pt x="33480" y="6905"/>
                    <a:pt x="33475" y="6934"/>
                  </a:cubicBezTo>
                  <a:cubicBezTo>
                    <a:pt x="33468" y="6969"/>
                    <a:pt x="33491" y="7002"/>
                    <a:pt x="33525" y="7009"/>
                  </a:cubicBezTo>
                  <a:lnTo>
                    <a:pt x="33547" y="7012"/>
                  </a:lnTo>
                  <a:cubicBezTo>
                    <a:pt x="33546" y="7012"/>
                    <a:pt x="33545" y="7012"/>
                    <a:pt x="33544" y="7012"/>
                  </a:cubicBezTo>
                  <a:cubicBezTo>
                    <a:pt x="33535" y="7012"/>
                    <a:pt x="33526" y="7015"/>
                    <a:pt x="33518" y="7018"/>
                  </a:cubicBezTo>
                  <a:lnTo>
                    <a:pt x="33363" y="7018"/>
                  </a:lnTo>
                  <a:cubicBezTo>
                    <a:pt x="33359" y="6992"/>
                    <a:pt x="33343" y="6970"/>
                    <a:pt x="33316" y="6964"/>
                  </a:cubicBezTo>
                  <a:lnTo>
                    <a:pt x="33295" y="6960"/>
                  </a:lnTo>
                  <a:lnTo>
                    <a:pt x="33295" y="6960"/>
                  </a:lnTo>
                  <a:cubicBezTo>
                    <a:pt x="33298" y="6961"/>
                    <a:pt x="33301" y="6961"/>
                    <a:pt x="33305" y="6961"/>
                  </a:cubicBezTo>
                  <a:cubicBezTo>
                    <a:pt x="33334" y="6961"/>
                    <a:pt x="33362" y="6940"/>
                    <a:pt x="33367" y="6911"/>
                  </a:cubicBezTo>
                  <a:cubicBezTo>
                    <a:pt x="33373" y="6877"/>
                    <a:pt x="33351" y="6843"/>
                    <a:pt x="33316" y="6836"/>
                  </a:cubicBezTo>
                  <a:lnTo>
                    <a:pt x="33296" y="6833"/>
                  </a:lnTo>
                  <a:lnTo>
                    <a:pt x="33296" y="6833"/>
                  </a:lnTo>
                  <a:cubicBezTo>
                    <a:pt x="33299" y="6834"/>
                    <a:pt x="33302" y="6834"/>
                    <a:pt x="33305" y="6834"/>
                  </a:cubicBezTo>
                  <a:cubicBezTo>
                    <a:pt x="33335" y="6834"/>
                    <a:pt x="33362" y="6813"/>
                    <a:pt x="33367" y="6782"/>
                  </a:cubicBezTo>
                  <a:cubicBezTo>
                    <a:pt x="33369" y="6770"/>
                    <a:pt x="33364" y="6760"/>
                    <a:pt x="33360" y="6749"/>
                  </a:cubicBezTo>
                  <a:cubicBezTo>
                    <a:pt x="33368" y="6739"/>
                    <a:pt x="33375" y="6729"/>
                    <a:pt x="33376" y="6714"/>
                  </a:cubicBezTo>
                  <a:cubicBezTo>
                    <a:pt x="33370" y="6682"/>
                    <a:pt x="33370" y="6682"/>
                    <a:pt x="33318" y="6641"/>
                  </a:cubicBezTo>
                  <a:lnTo>
                    <a:pt x="33300" y="6629"/>
                  </a:lnTo>
                  <a:cubicBezTo>
                    <a:pt x="33242" y="6596"/>
                    <a:pt x="33176" y="6584"/>
                    <a:pt x="33110" y="6580"/>
                  </a:cubicBezTo>
                  <a:cubicBezTo>
                    <a:pt x="33104" y="6580"/>
                    <a:pt x="33096" y="6580"/>
                    <a:pt x="33090" y="6579"/>
                  </a:cubicBezTo>
                  <a:cubicBezTo>
                    <a:pt x="33072" y="6578"/>
                    <a:pt x="33054" y="6577"/>
                    <a:pt x="33036" y="6577"/>
                  </a:cubicBezTo>
                  <a:cubicBezTo>
                    <a:pt x="32985" y="6577"/>
                    <a:pt x="32937" y="6583"/>
                    <a:pt x="32889" y="6608"/>
                  </a:cubicBezTo>
                  <a:lnTo>
                    <a:pt x="32873" y="6615"/>
                  </a:lnTo>
                  <a:cubicBezTo>
                    <a:pt x="32862" y="6622"/>
                    <a:pt x="32851" y="6629"/>
                    <a:pt x="32842" y="6638"/>
                  </a:cubicBezTo>
                  <a:cubicBezTo>
                    <a:pt x="32840" y="6639"/>
                    <a:pt x="32839" y="6641"/>
                    <a:pt x="32837" y="6642"/>
                  </a:cubicBezTo>
                  <a:cubicBezTo>
                    <a:pt x="32833" y="6646"/>
                    <a:pt x="32831" y="6651"/>
                    <a:pt x="32828" y="6656"/>
                  </a:cubicBezTo>
                  <a:cubicBezTo>
                    <a:pt x="32822" y="6664"/>
                    <a:pt x="32814" y="6670"/>
                    <a:pt x="32813" y="6679"/>
                  </a:cubicBezTo>
                  <a:cubicBezTo>
                    <a:pt x="32812" y="6682"/>
                    <a:pt x="32814" y="6683"/>
                    <a:pt x="32814" y="6686"/>
                  </a:cubicBezTo>
                  <a:cubicBezTo>
                    <a:pt x="32814" y="6686"/>
                    <a:pt x="32813" y="6687"/>
                    <a:pt x="32813" y="6687"/>
                  </a:cubicBezTo>
                  <a:cubicBezTo>
                    <a:pt x="32813" y="6690"/>
                    <a:pt x="32816" y="6693"/>
                    <a:pt x="32816" y="6696"/>
                  </a:cubicBezTo>
                  <a:cubicBezTo>
                    <a:pt x="32817" y="6709"/>
                    <a:pt x="32820" y="6720"/>
                    <a:pt x="32829" y="6731"/>
                  </a:cubicBezTo>
                  <a:cubicBezTo>
                    <a:pt x="32832" y="6735"/>
                    <a:pt x="32837" y="6735"/>
                    <a:pt x="32841" y="6738"/>
                  </a:cubicBezTo>
                  <a:cubicBezTo>
                    <a:pt x="32848" y="6744"/>
                    <a:pt x="32854" y="6751"/>
                    <a:pt x="32864" y="6754"/>
                  </a:cubicBezTo>
                  <a:lnTo>
                    <a:pt x="32884" y="6756"/>
                  </a:lnTo>
                  <a:lnTo>
                    <a:pt x="32884" y="6756"/>
                  </a:lnTo>
                  <a:cubicBezTo>
                    <a:pt x="32881" y="6756"/>
                    <a:pt x="32878" y="6756"/>
                    <a:pt x="32875" y="6756"/>
                  </a:cubicBezTo>
                  <a:cubicBezTo>
                    <a:pt x="32845" y="6756"/>
                    <a:pt x="32819" y="6777"/>
                    <a:pt x="32813" y="6807"/>
                  </a:cubicBezTo>
                  <a:cubicBezTo>
                    <a:pt x="32807" y="6841"/>
                    <a:pt x="32829" y="6874"/>
                    <a:pt x="32864" y="6881"/>
                  </a:cubicBezTo>
                  <a:lnTo>
                    <a:pt x="32885" y="6885"/>
                  </a:lnTo>
                  <a:cubicBezTo>
                    <a:pt x="32882" y="6884"/>
                    <a:pt x="32879" y="6884"/>
                    <a:pt x="32875" y="6884"/>
                  </a:cubicBezTo>
                  <a:cubicBezTo>
                    <a:pt x="32845" y="6884"/>
                    <a:pt x="32819" y="6905"/>
                    <a:pt x="32813" y="6935"/>
                  </a:cubicBezTo>
                  <a:cubicBezTo>
                    <a:pt x="32807" y="6970"/>
                    <a:pt x="32829" y="7002"/>
                    <a:pt x="32864" y="7009"/>
                  </a:cubicBezTo>
                  <a:lnTo>
                    <a:pt x="32885" y="7013"/>
                  </a:lnTo>
                  <a:lnTo>
                    <a:pt x="32885" y="7013"/>
                  </a:lnTo>
                  <a:cubicBezTo>
                    <a:pt x="32883" y="7013"/>
                    <a:pt x="32881" y="7012"/>
                    <a:pt x="32880" y="7012"/>
                  </a:cubicBezTo>
                  <a:cubicBezTo>
                    <a:pt x="32872" y="7012"/>
                    <a:pt x="32864" y="7016"/>
                    <a:pt x="32856" y="7018"/>
                  </a:cubicBezTo>
                  <a:lnTo>
                    <a:pt x="32700" y="7018"/>
                  </a:lnTo>
                  <a:cubicBezTo>
                    <a:pt x="32697" y="6992"/>
                    <a:pt x="32682" y="6970"/>
                    <a:pt x="32655" y="6964"/>
                  </a:cubicBezTo>
                  <a:lnTo>
                    <a:pt x="32633" y="6960"/>
                  </a:lnTo>
                  <a:lnTo>
                    <a:pt x="32633" y="6960"/>
                  </a:lnTo>
                  <a:cubicBezTo>
                    <a:pt x="32637" y="6961"/>
                    <a:pt x="32641" y="6961"/>
                    <a:pt x="32644" y="6961"/>
                  </a:cubicBezTo>
                  <a:cubicBezTo>
                    <a:pt x="32673" y="6961"/>
                    <a:pt x="32699" y="6940"/>
                    <a:pt x="32705" y="6911"/>
                  </a:cubicBezTo>
                  <a:cubicBezTo>
                    <a:pt x="32711" y="6877"/>
                    <a:pt x="32689" y="6843"/>
                    <a:pt x="32654" y="6837"/>
                  </a:cubicBezTo>
                  <a:lnTo>
                    <a:pt x="32633" y="6833"/>
                  </a:lnTo>
                  <a:lnTo>
                    <a:pt x="32633" y="6833"/>
                  </a:lnTo>
                  <a:cubicBezTo>
                    <a:pt x="32636" y="6834"/>
                    <a:pt x="32640" y="6834"/>
                    <a:pt x="32643" y="6834"/>
                  </a:cubicBezTo>
                  <a:cubicBezTo>
                    <a:pt x="32672" y="6834"/>
                    <a:pt x="32699" y="6813"/>
                    <a:pt x="32705" y="6782"/>
                  </a:cubicBezTo>
                  <a:cubicBezTo>
                    <a:pt x="32707" y="6771"/>
                    <a:pt x="32701" y="6761"/>
                    <a:pt x="32697" y="6749"/>
                  </a:cubicBezTo>
                  <a:cubicBezTo>
                    <a:pt x="32706" y="6740"/>
                    <a:pt x="32714" y="6729"/>
                    <a:pt x="32714" y="6714"/>
                  </a:cubicBezTo>
                  <a:cubicBezTo>
                    <a:pt x="32709" y="6682"/>
                    <a:pt x="32709" y="6682"/>
                    <a:pt x="32656" y="6641"/>
                  </a:cubicBezTo>
                  <a:lnTo>
                    <a:pt x="32638" y="6629"/>
                  </a:lnTo>
                  <a:cubicBezTo>
                    <a:pt x="32580" y="6596"/>
                    <a:pt x="32514" y="6584"/>
                    <a:pt x="32447" y="6580"/>
                  </a:cubicBezTo>
                  <a:lnTo>
                    <a:pt x="32429" y="6580"/>
                  </a:lnTo>
                  <a:cubicBezTo>
                    <a:pt x="32408" y="6579"/>
                    <a:pt x="32389" y="6578"/>
                    <a:pt x="32370" y="6578"/>
                  </a:cubicBezTo>
                  <a:cubicBezTo>
                    <a:pt x="32320" y="6578"/>
                    <a:pt x="32274" y="6584"/>
                    <a:pt x="32227" y="6609"/>
                  </a:cubicBezTo>
                  <a:lnTo>
                    <a:pt x="32211" y="6615"/>
                  </a:lnTo>
                  <a:cubicBezTo>
                    <a:pt x="32200" y="6622"/>
                    <a:pt x="32190" y="6629"/>
                    <a:pt x="32180" y="6638"/>
                  </a:cubicBezTo>
                  <a:cubicBezTo>
                    <a:pt x="32178" y="6640"/>
                    <a:pt x="32176" y="6641"/>
                    <a:pt x="32175" y="6642"/>
                  </a:cubicBezTo>
                  <a:cubicBezTo>
                    <a:pt x="32170" y="6646"/>
                    <a:pt x="32169" y="6652"/>
                    <a:pt x="32166" y="6656"/>
                  </a:cubicBezTo>
                  <a:cubicBezTo>
                    <a:pt x="32160" y="6664"/>
                    <a:pt x="32153" y="6670"/>
                    <a:pt x="32150" y="6679"/>
                  </a:cubicBezTo>
                  <a:cubicBezTo>
                    <a:pt x="32150" y="6682"/>
                    <a:pt x="32153" y="6683"/>
                    <a:pt x="32153" y="6686"/>
                  </a:cubicBezTo>
                  <a:cubicBezTo>
                    <a:pt x="32153" y="6686"/>
                    <a:pt x="32152" y="6687"/>
                    <a:pt x="32152" y="6687"/>
                  </a:cubicBezTo>
                  <a:cubicBezTo>
                    <a:pt x="32152" y="6690"/>
                    <a:pt x="32154" y="6693"/>
                    <a:pt x="32154" y="6696"/>
                  </a:cubicBezTo>
                  <a:cubicBezTo>
                    <a:pt x="32156" y="6709"/>
                    <a:pt x="32158" y="6720"/>
                    <a:pt x="32167" y="6731"/>
                  </a:cubicBezTo>
                  <a:cubicBezTo>
                    <a:pt x="32170" y="6735"/>
                    <a:pt x="32174" y="6736"/>
                    <a:pt x="32178" y="6738"/>
                  </a:cubicBezTo>
                  <a:cubicBezTo>
                    <a:pt x="32186" y="6744"/>
                    <a:pt x="32192" y="6751"/>
                    <a:pt x="32201" y="6754"/>
                  </a:cubicBezTo>
                  <a:lnTo>
                    <a:pt x="32222" y="6756"/>
                  </a:lnTo>
                  <a:lnTo>
                    <a:pt x="32222" y="6756"/>
                  </a:lnTo>
                  <a:cubicBezTo>
                    <a:pt x="32219" y="6756"/>
                    <a:pt x="32216" y="6756"/>
                    <a:pt x="32213" y="6756"/>
                  </a:cubicBezTo>
                  <a:cubicBezTo>
                    <a:pt x="32183" y="6756"/>
                    <a:pt x="32156" y="6777"/>
                    <a:pt x="32150" y="6807"/>
                  </a:cubicBezTo>
                  <a:cubicBezTo>
                    <a:pt x="32144" y="6841"/>
                    <a:pt x="32167" y="6874"/>
                    <a:pt x="32201" y="6881"/>
                  </a:cubicBezTo>
                  <a:lnTo>
                    <a:pt x="32223" y="6885"/>
                  </a:lnTo>
                  <a:cubicBezTo>
                    <a:pt x="32219" y="6884"/>
                    <a:pt x="32216" y="6884"/>
                    <a:pt x="32213" y="6884"/>
                  </a:cubicBezTo>
                  <a:cubicBezTo>
                    <a:pt x="32183" y="6884"/>
                    <a:pt x="32156" y="6905"/>
                    <a:pt x="32150" y="6935"/>
                  </a:cubicBezTo>
                  <a:cubicBezTo>
                    <a:pt x="32144" y="6970"/>
                    <a:pt x="32167" y="7002"/>
                    <a:pt x="32201" y="7009"/>
                  </a:cubicBezTo>
                  <a:lnTo>
                    <a:pt x="32222" y="7013"/>
                  </a:lnTo>
                  <a:lnTo>
                    <a:pt x="32222" y="7013"/>
                  </a:lnTo>
                  <a:cubicBezTo>
                    <a:pt x="32221" y="7013"/>
                    <a:pt x="32219" y="7012"/>
                    <a:pt x="32217" y="7012"/>
                  </a:cubicBezTo>
                  <a:cubicBezTo>
                    <a:pt x="32209" y="7012"/>
                    <a:pt x="32202" y="7016"/>
                    <a:pt x="32195" y="7018"/>
                  </a:cubicBezTo>
                  <a:lnTo>
                    <a:pt x="32039" y="7018"/>
                  </a:lnTo>
                  <a:cubicBezTo>
                    <a:pt x="32035" y="6992"/>
                    <a:pt x="32019" y="6970"/>
                    <a:pt x="31992" y="6964"/>
                  </a:cubicBezTo>
                  <a:lnTo>
                    <a:pt x="31971" y="6960"/>
                  </a:lnTo>
                  <a:lnTo>
                    <a:pt x="31971" y="6960"/>
                  </a:lnTo>
                  <a:cubicBezTo>
                    <a:pt x="31974" y="6961"/>
                    <a:pt x="31978" y="6961"/>
                    <a:pt x="31982" y="6961"/>
                  </a:cubicBezTo>
                  <a:cubicBezTo>
                    <a:pt x="32012" y="6961"/>
                    <a:pt x="32037" y="6940"/>
                    <a:pt x="32043" y="6911"/>
                  </a:cubicBezTo>
                  <a:cubicBezTo>
                    <a:pt x="32049" y="6877"/>
                    <a:pt x="32026" y="6843"/>
                    <a:pt x="31992" y="6837"/>
                  </a:cubicBezTo>
                  <a:lnTo>
                    <a:pt x="31971" y="6833"/>
                  </a:lnTo>
                  <a:lnTo>
                    <a:pt x="31971" y="6833"/>
                  </a:lnTo>
                  <a:cubicBezTo>
                    <a:pt x="31974" y="6834"/>
                    <a:pt x="31977" y="6834"/>
                    <a:pt x="31981" y="6834"/>
                  </a:cubicBezTo>
                  <a:cubicBezTo>
                    <a:pt x="32011" y="6834"/>
                    <a:pt x="32037" y="6813"/>
                    <a:pt x="32043" y="6782"/>
                  </a:cubicBezTo>
                  <a:cubicBezTo>
                    <a:pt x="32045" y="6771"/>
                    <a:pt x="32040" y="6761"/>
                    <a:pt x="32036" y="6749"/>
                  </a:cubicBezTo>
                  <a:cubicBezTo>
                    <a:pt x="32044" y="6740"/>
                    <a:pt x="32051" y="6729"/>
                    <a:pt x="32052" y="6714"/>
                  </a:cubicBezTo>
                  <a:cubicBezTo>
                    <a:pt x="32046" y="6682"/>
                    <a:pt x="32046" y="6682"/>
                    <a:pt x="31993" y="6641"/>
                  </a:cubicBezTo>
                  <a:lnTo>
                    <a:pt x="31976" y="6629"/>
                  </a:lnTo>
                  <a:cubicBezTo>
                    <a:pt x="31919" y="6596"/>
                    <a:pt x="31852" y="6584"/>
                    <a:pt x="31786" y="6580"/>
                  </a:cubicBezTo>
                  <a:lnTo>
                    <a:pt x="31766" y="6580"/>
                  </a:lnTo>
                  <a:cubicBezTo>
                    <a:pt x="31746" y="6579"/>
                    <a:pt x="31727" y="6578"/>
                    <a:pt x="31708" y="6578"/>
                  </a:cubicBezTo>
                  <a:cubicBezTo>
                    <a:pt x="31659" y="6578"/>
                    <a:pt x="31612" y="6584"/>
                    <a:pt x="31564" y="6609"/>
                  </a:cubicBezTo>
                  <a:lnTo>
                    <a:pt x="31549" y="6615"/>
                  </a:lnTo>
                  <a:cubicBezTo>
                    <a:pt x="31538" y="6622"/>
                    <a:pt x="31527" y="6629"/>
                    <a:pt x="31518" y="6638"/>
                  </a:cubicBezTo>
                  <a:cubicBezTo>
                    <a:pt x="31516" y="6640"/>
                    <a:pt x="31515" y="6641"/>
                    <a:pt x="31513" y="6642"/>
                  </a:cubicBezTo>
                  <a:cubicBezTo>
                    <a:pt x="31509" y="6646"/>
                    <a:pt x="31508" y="6652"/>
                    <a:pt x="31503" y="6656"/>
                  </a:cubicBezTo>
                  <a:cubicBezTo>
                    <a:pt x="31498" y="6664"/>
                    <a:pt x="31491" y="6670"/>
                    <a:pt x="31489" y="6679"/>
                  </a:cubicBezTo>
                  <a:cubicBezTo>
                    <a:pt x="31488" y="6682"/>
                    <a:pt x="31490" y="6683"/>
                    <a:pt x="31490" y="6686"/>
                  </a:cubicBezTo>
                  <a:cubicBezTo>
                    <a:pt x="31490" y="6686"/>
                    <a:pt x="31490" y="6687"/>
                    <a:pt x="31490" y="6687"/>
                  </a:cubicBezTo>
                  <a:cubicBezTo>
                    <a:pt x="31489" y="6690"/>
                    <a:pt x="31492" y="6693"/>
                    <a:pt x="31492" y="6696"/>
                  </a:cubicBezTo>
                  <a:cubicBezTo>
                    <a:pt x="31493" y="6709"/>
                    <a:pt x="31496" y="6720"/>
                    <a:pt x="31505" y="6731"/>
                  </a:cubicBezTo>
                  <a:cubicBezTo>
                    <a:pt x="31509" y="6735"/>
                    <a:pt x="31513" y="6736"/>
                    <a:pt x="31517" y="6739"/>
                  </a:cubicBezTo>
                  <a:cubicBezTo>
                    <a:pt x="31524" y="6744"/>
                    <a:pt x="31530" y="6751"/>
                    <a:pt x="31540" y="6754"/>
                  </a:cubicBezTo>
                  <a:lnTo>
                    <a:pt x="31561" y="6758"/>
                  </a:lnTo>
                  <a:cubicBezTo>
                    <a:pt x="31557" y="6757"/>
                    <a:pt x="31553" y="6757"/>
                    <a:pt x="31550" y="6757"/>
                  </a:cubicBezTo>
                  <a:cubicBezTo>
                    <a:pt x="31520" y="6757"/>
                    <a:pt x="31494" y="6777"/>
                    <a:pt x="31489" y="6807"/>
                  </a:cubicBezTo>
                  <a:cubicBezTo>
                    <a:pt x="31483" y="6841"/>
                    <a:pt x="31505" y="6874"/>
                    <a:pt x="31540" y="6881"/>
                  </a:cubicBezTo>
                  <a:lnTo>
                    <a:pt x="31561" y="6885"/>
                  </a:lnTo>
                  <a:cubicBezTo>
                    <a:pt x="31558" y="6884"/>
                    <a:pt x="31555" y="6884"/>
                    <a:pt x="31551" y="6884"/>
                  </a:cubicBezTo>
                  <a:cubicBezTo>
                    <a:pt x="31521" y="6884"/>
                    <a:pt x="31495" y="6905"/>
                    <a:pt x="31489" y="6935"/>
                  </a:cubicBezTo>
                  <a:cubicBezTo>
                    <a:pt x="31483" y="6970"/>
                    <a:pt x="31505" y="7003"/>
                    <a:pt x="31540" y="7009"/>
                  </a:cubicBezTo>
                  <a:lnTo>
                    <a:pt x="31561" y="7013"/>
                  </a:lnTo>
                  <a:lnTo>
                    <a:pt x="31561" y="7013"/>
                  </a:lnTo>
                  <a:cubicBezTo>
                    <a:pt x="31559" y="7013"/>
                    <a:pt x="31558" y="7012"/>
                    <a:pt x="31556" y="7012"/>
                  </a:cubicBezTo>
                  <a:cubicBezTo>
                    <a:pt x="31548" y="7012"/>
                    <a:pt x="31540" y="7016"/>
                    <a:pt x="31532" y="7018"/>
                  </a:cubicBezTo>
                  <a:lnTo>
                    <a:pt x="31377" y="7018"/>
                  </a:lnTo>
                  <a:cubicBezTo>
                    <a:pt x="31373" y="6992"/>
                    <a:pt x="31358" y="6970"/>
                    <a:pt x="31331" y="6964"/>
                  </a:cubicBezTo>
                  <a:lnTo>
                    <a:pt x="31309" y="6960"/>
                  </a:lnTo>
                  <a:lnTo>
                    <a:pt x="31309" y="6960"/>
                  </a:lnTo>
                  <a:cubicBezTo>
                    <a:pt x="31313" y="6961"/>
                    <a:pt x="31317" y="6961"/>
                    <a:pt x="31320" y="6961"/>
                  </a:cubicBezTo>
                  <a:cubicBezTo>
                    <a:pt x="31349" y="6961"/>
                    <a:pt x="31375" y="6941"/>
                    <a:pt x="31381" y="6911"/>
                  </a:cubicBezTo>
                  <a:cubicBezTo>
                    <a:pt x="31388" y="6877"/>
                    <a:pt x="31365" y="6843"/>
                    <a:pt x="31331" y="6837"/>
                  </a:cubicBezTo>
                  <a:lnTo>
                    <a:pt x="31309" y="6833"/>
                  </a:lnTo>
                  <a:lnTo>
                    <a:pt x="31309" y="6833"/>
                  </a:lnTo>
                  <a:cubicBezTo>
                    <a:pt x="31312" y="6834"/>
                    <a:pt x="31316" y="6834"/>
                    <a:pt x="31319" y="6834"/>
                  </a:cubicBezTo>
                  <a:cubicBezTo>
                    <a:pt x="31348" y="6834"/>
                    <a:pt x="31376" y="6813"/>
                    <a:pt x="31381" y="6782"/>
                  </a:cubicBezTo>
                  <a:cubicBezTo>
                    <a:pt x="31383" y="6771"/>
                    <a:pt x="31378" y="6761"/>
                    <a:pt x="31374" y="6749"/>
                  </a:cubicBezTo>
                  <a:cubicBezTo>
                    <a:pt x="31382" y="6740"/>
                    <a:pt x="31390" y="6729"/>
                    <a:pt x="31391" y="6714"/>
                  </a:cubicBezTo>
                  <a:cubicBezTo>
                    <a:pt x="31385" y="6682"/>
                    <a:pt x="31385" y="6682"/>
                    <a:pt x="31332" y="6641"/>
                  </a:cubicBezTo>
                  <a:lnTo>
                    <a:pt x="31314" y="6629"/>
                  </a:lnTo>
                  <a:cubicBezTo>
                    <a:pt x="31256" y="6596"/>
                    <a:pt x="31190" y="6584"/>
                    <a:pt x="31124" y="6581"/>
                  </a:cubicBezTo>
                  <a:cubicBezTo>
                    <a:pt x="31118" y="6580"/>
                    <a:pt x="31111" y="6580"/>
                    <a:pt x="31104" y="6580"/>
                  </a:cubicBezTo>
                  <a:cubicBezTo>
                    <a:pt x="31085" y="6579"/>
                    <a:pt x="31066" y="6578"/>
                    <a:pt x="31047" y="6578"/>
                  </a:cubicBezTo>
                  <a:cubicBezTo>
                    <a:pt x="30997" y="6578"/>
                    <a:pt x="30950" y="6584"/>
                    <a:pt x="30903" y="6609"/>
                  </a:cubicBezTo>
                  <a:lnTo>
                    <a:pt x="30887" y="6615"/>
                  </a:lnTo>
                  <a:cubicBezTo>
                    <a:pt x="30876" y="6622"/>
                    <a:pt x="30866" y="6631"/>
                    <a:pt x="30856" y="6638"/>
                  </a:cubicBezTo>
                  <a:cubicBezTo>
                    <a:pt x="30854" y="6640"/>
                    <a:pt x="30853" y="6641"/>
                    <a:pt x="30851" y="6642"/>
                  </a:cubicBezTo>
                  <a:cubicBezTo>
                    <a:pt x="30847" y="6646"/>
                    <a:pt x="30845" y="6652"/>
                    <a:pt x="30842" y="6656"/>
                  </a:cubicBezTo>
                  <a:cubicBezTo>
                    <a:pt x="30837" y="6664"/>
                    <a:pt x="30828" y="6670"/>
                    <a:pt x="30827" y="6679"/>
                  </a:cubicBezTo>
                  <a:cubicBezTo>
                    <a:pt x="30826" y="6682"/>
                    <a:pt x="30828" y="6683"/>
                    <a:pt x="30828" y="6686"/>
                  </a:cubicBezTo>
                  <a:cubicBezTo>
                    <a:pt x="30828" y="6687"/>
                    <a:pt x="30827" y="6687"/>
                    <a:pt x="30827" y="6688"/>
                  </a:cubicBezTo>
                  <a:cubicBezTo>
                    <a:pt x="30827" y="6690"/>
                    <a:pt x="30830" y="6693"/>
                    <a:pt x="30830" y="6696"/>
                  </a:cubicBezTo>
                  <a:cubicBezTo>
                    <a:pt x="30832" y="6709"/>
                    <a:pt x="30835" y="6721"/>
                    <a:pt x="30843" y="6731"/>
                  </a:cubicBezTo>
                  <a:cubicBezTo>
                    <a:pt x="30846" y="6735"/>
                    <a:pt x="30851" y="6736"/>
                    <a:pt x="30855" y="6739"/>
                  </a:cubicBezTo>
                  <a:cubicBezTo>
                    <a:pt x="30863" y="6744"/>
                    <a:pt x="30868" y="6751"/>
                    <a:pt x="30877" y="6754"/>
                  </a:cubicBezTo>
                  <a:lnTo>
                    <a:pt x="30899" y="6758"/>
                  </a:lnTo>
                  <a:cubicBezTo>
                    <a:pt x="30895" y="6757"/>
                    <a:pt x="30892" y="6757"/>
                    <a:pt x="30889" y="6757"/>
                  </a:cubicBezTo>
                  <a:cubicBezTo>
                    <a:pt x="30860" y="6757"/>
                    <a:pt x="30833" y="6777"/>
                    <a:pt x="30826" y="6807"/>
                  </a:cubicBezTo>
                  <a:cubicBezTo>
                    <a:pt x="30820" y="6841"/>
                    <a:pt x="30843" y="6874"/>
                    <a:pt x="30877" y="6881"/>
                  </a:cubicBezTo>
                  <a:lnTo>
                    <a:pt x="30899" y="6885"/>
                  </a:lnTo>
                  <a:cubicBezTo>
                    <a:pt x="30895" y="6884"/>
                    <a:pt x="30892" y="6884"/>
                    <a:pt x="30889" y="6884"/>
                  </a:cubicBezTo>
                  <a:cubicBezTo>
                    <a:pt x="30859" y="6884"/>
                    <a:pt x="30832" y="6905"/>
                    <a:pt x="30826" y="6935"/>
                  </a:cubicBezTo>
                  <a:cubicBezTo>
                    <a:pt x="30820" y="6970"/>
                    <a:pt x="30843" y="7003"/>
                    <a:pt x="30877" y="7009"/>
                  </a:cubicBezTo>
                  <a:lnTo>
                    <a:pt x="30898" y="7013"/>
                  </a:lnTo>
                  <a:lnTo>
                    <a:pt x="30898" y="7013"/>
                  </a:lnTo>
                  <a:cubicBezTo>
                    <a:pt x="30897" y="7013"/>
                    <a:pt x="30895" y="7012"/>
                    <a:pt x="30894" y="7012"/>
                  </a:cubicBezTo>
                  <a:cubicBezTo>
                    <a:pt x="30886" y="7012"/>
                    <a:pt x="30879" y="7017"/>
                    <a:pt x="30871" y="7019"/>
                  </a:cubicBezTo>
                  <a:lnTo>
                    <a:pt x="30738" y="7019"/>
                  </a:lnTo>
                  <a:cubicBezTo>
                    <a:pt x="30744" y="6985"/>
                    <a:pt x="30722" y="6953"/>
                    <a:pt x="30688" y="6947"/>
                  </a:cubicBezTo>
                  <a:lnTo>
                    <a:pt x="30666" y="6943"/>
                  </a:lnTo>
                  <a:lnTo>
                    <a:pt x="30666" y="6943"/>
                  </a:lnTo>
                  <a:cubicBezTo>
                    <a:pt x="30670" y="6943"/>
                    <a:pt x="30674" y="6944"/>
                    <a:pt x="30677" y="6944"/>
                  </a:cubicBezTo>
                  <a:cubicBezTo>
                    <a:pt x="30707" y="6944"/>
                    <a:pt x="30733" y="6922"/>
                    <a:pt x="30738" y="6893"/>
                  </a:cubicBezTo>
                  <a:cubicBezTo>
                    <a:pt x="30745" y="6859"/>
                    <a:pt x="30722" y="6826"/>
                    <a:pt x="30688" y="6820"/>
                  </a:cubicBezTo>
                  <a:lnTo>
                    <a:pt x="30666" y="6816"/>
                  </a:lnTo>
                  <a:lnTo>
                    <a:pt x="30666" y="6816"/>
                  </a:lnTo>
                  <a:cubicBezTo>
                    <a:pt x="30669" y="6816"/>
                    <a:pt x="30673" y="6816"/>
                    <a:pt x="30676" y="6816"/>
                  </a:cubicBezTo>
                  <a:cubicBezTo>
                    <a:pt x="30706" y="6816"/>
                    <a:pt x="30733" y="6796"/>
                    <a:pt x="30738" y="6765"/>
                  </a:cubicBezTo>
                  <a:cubicBezTo>
                    <a:pt x="30741" y="6752"/>
                    <a:pt x="30735" y="6741"/>
                    <a:pt x="30731" y="6731"/>
                  </a:cubicBezTo>
                  <a:cubicBezTo>
                    <a:pt x="30738" y="6720"/>
                    <a:pt x="30746" y="6711"/>
                    <a:pt x="30747" y="6698"/>
                  </a:cubicBezTo>
                  <a:cubicBezTo>
                    <a:pt x="30741" y="6665"/>
                    <a:pt x="30741" y="6665"/>
                    <a:pt x="30688" y="6624"/>
                  </a:cubicBezTo>
                  <a:lnTo>
                    <a:pt x="30670" y="6613"/>
                  </a:lnTo>
                  <a:cubicBezTo>
                    <a:pt x="30612" y="6580"/>
                    <a:pt x="30546" y="6567"/>
                    <a:pt x="30480" y="6563"/>
                  </a:cubicBezTo>
                  <a:cubicBezTo>
                    <a:pt x="30473" y="6563"/>
                    <a:pt x="30467" y="6563"/>
                    <a:pt x="30460" y="6562"/>
                  </a:cubicBezTo>
                  <a:cubicBezTo>
                    <a:pt x="30442" y="6561"/>
                    <a:pt x="30424" y="6561"/>
                    <a:pt x="30406" y="6561"/>
                  </a:cubicBezTo>
                  <a:cubicBezTo>
                    <a:pt x="30355" y="6561"/>
                    <a:pt x="30307" y="6567"/>
                    <a:pt x="30259" y="6591"/>
                  </a:cubicBezTo>
                  <a:lnTo>
                    <a:pt x="30243" y="6598"/>
                  </a:lnTo>
                  <a:cubicBezTo>
                    <a:pt x="30232" y="6605"/>
                    <a:pt x="30223" y="6613"/>
                    <a:pt x="30212" y="6621"/>
                  </a:cubicBezTo>
                  <a:cubicBezTo>
                    <a:pt x="30211" y="6622"/>
                    <a:pt x="30210" y="6622"/>
                    <a:pt x="30209" y="6623"/>
                  </a:cubicBezTo>
                  <a:cubicBezTo>
                    <a:pt x="30202" y="6629"/>
                    <a:pt x="30199" y="6638"/>
                    <a:pt x="30195" y="6645"/>
                  </a:cubicBezTo>
                  <a:cubicBezTo>
                    <a:pt x="30192" y="6651"/>
                    <a:pt x="30185" y="6654"/>
                    <a:pt x="30184" y="6662"/>
                  </a:cubicBezTo>
                  <a:cubicBezTo>
                    <a:pt x="30183" y="6664"/>
                    <a:pt x="30185" y="6665"/>
                    <a:pt x="30185" y="6667"/>
                  </a:cubicBezTo>
                  <a:cubicBezTo>
                    <a:pt x="30184" y="6669"/>
                    <a:pt x="30183" y="6669"/>
                    <a:pt x="30183" y="6671"/>
                  </a:cubicBezTo>
                  <a:cubicBezTo>
                    <a:pt x="30182" y="6678"/>
                    <a:pt x="30188" y="6683"/>
                    <a:pt x="30190" y="6689"/>
                  </a:cubicBezTo>
                  <a:cubicBezTo>
                    <a:pt x="30192" y="6698"/>
                    <a:pt x="30193" y="6705"/>
                    <a:pt x="30198" y="6711"/>
                  </a:cubicBezTo>
                  <a:cubicBezTo>
                    <a:pt x="30203" y="6718"/>
                    <a:pt x="30211" y="6721"/>
                    <a:pt x="30220" y="6726"/>
                  </a:cubicBezTo>
                  <a:cubicBezTo>
                    <a:pt x="30225" y="6729"/>
                    <a:pt x="30228" y="6734"/>
                    <a:pt x="30234" y="6735"/>
                  </a:cubicBezTo>
                  <a:lnTo>
                    <a:pt x="30256" y="6739"/>
                  </a:lnTo>
                  <a:cubicBezTo>
                    <a:pt x="30252" y="6739"/>
                    <a:pt x="30249" y="6738"/>
                    <a:pt x="30246" y="6738"/>
                  </a:cubicBezTo>
                  <a:cubicBezTo>
                    <a:pt x="30216" y="6738"/>
                    <a:pt x="30189" y="6759"/>
                    <a:pt x="30183" y="6790"/>
                  </a:cubicBezTo>
                  <a:cubicBezTo>
                    <a:pt x="30177" y="6824"/>
                    <a:pt x="30200" y="6857"/>
                    <a:pt x="30234" y="6863"/>
                  </a:cubicBezTo>
                  <a:lnTo>
                    <a:pt x="30256" y="6867"/>
                  </a:lnTo>
                  <a:cubicBezTo>
                    <a:pt x="30252" y="6867"/>
                    <a:pt x="30249" y="6866"/>
                    <a:pt x="30246" y="6866"/>
                  </a:cubicBezTo>
                  <a:cubicBezTo>
                    <a:pt x="30217" y="6866"/>
                    <a:pt x="30190" y="6887"/>
                    <a:pt x="30184" y="6918"/>
                  </a:cubicBezTo>
                  <a:cubicBezTo>
                    <a:pt x="30177" y="6952"/>
                    <a:pt x="30200" y="6985"/>
                    <a:pt x="30234" y="6991"/>
                  </a:cubicBezTo>
                  <a:lnTo>
                    <a:pt x="30256" y="6995"/>
                  </a:lnTo>
                  <a:cubicBezTo>
                    <a:pt x="30253" y="6995"/>
                    <a:pt x="30250" y="6995"/>
                    <a:pt x="30247" y="6995"/>
                  </a:cubicBezTo>
                  <a:cubicBezTo>
                    <a:pt x="30229" y="6995"/>
                    <a:pt x="30213" y="7005"/>
                    <a:pt x="30201" y="7019"/>
                  </a:cubicBezTo>
                  <a:lnTo>
                    <a:pt x="29730" y="7019"/>
                  </a:lnTo>
                  <a:lnTo>
                    <a:pt x="29730" y="6463"/>
                  </a:lnTo>
                  <a:lnTo>
                    <a:pt x="29449" y="6463"/>
                  </a:lnTo>
                  <a:lnTo>
                    <a:pt x="29449" y="7184"/>
                  </a:lnTo>
                  <a:lnTo>
                    <a:pt x="29136" y="7184"/>
                  </a:lnTo>
                  <a:lnTo>
                    <a:pt x="29136" y="6102"/>
                  </a:lnTo>
                  <a:close/>
                  <a:moveTo>
                    <a:pt x="28232" y="2874"/>
                  </a:moveTo>
                  <a:lnTo>
                    <a:pt x="27991" y="4024"/>
                  </a:lnTo>
                  <a:lnTo>
                    <a:pt x="27512" y="4024"/>
                  </a:lnTo>
                  <a:cubicBezTo>
                    <a:pt x="26206" y="4024"/>
                    <a:pt x="25145" y="5084"/>
                    <a:pt x="25145" y="6391"/>
                  </a:cubicBezTo>
                  <a:lnTo>
                    <a:pt x="25145" y="6317"/>
                  </a:lnTo>
                  <a:lnTo>
                    <a:pt x="24747" y="6317"/>
                  </a:lnTo>
                  <a:cubicBezTo>
                    <a:pt x="24587" y="6317"/>
                    <a:pt x="24458" y="6447"/>
                    <a:pt x="24458" y="6607"/>
                  </a:cubicBezTo>
                  <a:lnTo>
                    <a:pt x="24458" y="7343"/>
                  </a:lnTo>
                  <a:cubicBezTo>
                    <a:pt x="20921" y="7324"/>
                    <a:pt x="16306" y="5254"/>
                    <a:pt x="14887" y="4575"/>
                  </a:cubicBezTo>
                  <a:cubicBezTo>
                    <a:pt x="14939" y="4488"/>
                    <a:pt x="14971" y="4387"/>
                    <a:pt x="14971" y="4278"/>
                  </a:cubicBezTo>
                  <a:lnTo>
                    <a:pt x="14971" y="2874"/>
                  </a:lnTo>
                  <a:close/>
                  <a:moveTo>
                    <a:pt x="1" y="0"/>
                  </a:moveTo>
                  <a:lnTo>
                    <a:pt x="1" y="2874"/>
                  </a:lnTo>
                  <a:lnTo>
                    <a:pt x="13816" y="2874"/>
                  </a:lnTo>
                  <a:lnTo>
                    <a:pt x="13816" y="4279"/>
                  </a:lnTo>
                  <a:cubicBezTo>
                    <a:pt x="13816" y="4402"/>
                    <a:pt x="13855" y="4516"/>
                    <a:pt x="13922" y="4609"/>
                  </a:cubicBezTo>
                  <a:cubicBezTo>
                    <a:pt x="10938" y="6403"/>
                    <a:pt x="8058" y="7010"/>
                    <a:pt x="5527" y="7010"/>
                  </a:cubicBezTo>
                  <a:cubicBezTo>
                    <a:pt x="3385" y="7010"/>
                    <a:pt x="1493" y="6575"/>
                    <a:pt x="1" y="6059"/>
                  </a:cubicBezTo>
                  <a:lnTo>
                    <a:pt x="1" y="6320"/>
                  </a:lnTo>
                  <a:cubicBezTo>
                    <a:pt x="1504" y="6834"/>
                    <a:pt x="3396" y="7260"/>
                    <a:pt x="5533" y="7260"/>
                  </a:cubicBezTo>
                  <a:cubicBezTo>
                    <a:pt x="8121" y="7260"/>
                    <a:pt x="11067" y="6635"/>
                    <a:pt x="14118" y="4782"/>
                  </a:cubicBezTo>
                  <a:cubicBezTo>
                    <a:pt x="14201" y="4828"/>
                    <a:pt x="14294" y="4856"/>
                    <a:pt x="14394" y="4856"/>
                  </a:cubicBezTo>
                  <a:cubicBezTo>
                    <a:pt x="14508" y="4856"/>
                    <a:pt x="14613" y="4822"/>
                    <a:pt x="14703" y="4765"/>
                  </a:cubicBezTo>
                  <a:cubicBezTo>
                    <a:pt x="16051" y="5422"/>
                    <a:pt x="20775" y="7592"/>
                    <a:pt x="24458" y="7600"/>
                  </a:cubicBezTo>
                  <a:lnTo>
                    <a:pt x="24458" y="8056"/>
                  </a:lnTo>
                  <a:cubicBezTo>
                    <a:pt x="24458" y="8216"/>
                    <a:pt x="24588" y="8345"/>
                    <a:pt x="24747" y="8345"/>
                  </a:cubicBezTo>
                  <a:lnTo>
                    <a:pt x="25146" y="8345"/>
                  </a:lnTo>
                  <a:lnTo>
                    <a:pt x="25146" y="8374"/>
                  </a:lnTo>
                  <a:cubicBezTo>
                    <a:pt x="25146" y="8605"/>
                    <a:pt x="25332" y="8791"/>
                    <a:pt x="25562" y="8791"/>
                  </a:cubicBezTo>
                  <a:lnTo>
                    <a:pt x="28138" y="8791"/>
                  </a:lnTo>
                  <a:cubicBezTo>
                    <a:pt x="28367" y="8791"/>
                    <a:pt x="28554" y="8605"/>
                    <a:pt x="28554" y="8374"/>
                  </a:cubicBezTo>
                  <a:lnTo>
                    <a:pt x="28554" y="7819"/>
                  </a:lnTo>
                  <a:lnTo>
                    <a:pt x="29136" y="7819"/>
                  </a:lnTo>
                  <a:lnTo>
                    <a:pt x="29136" y="7662"/>
                  </a:lnTo>
                  <a:lnTo>
                    <a:pt x="29449" y="7662"/>
                  </a:lnTo>
                  <a:lnTo>
                    <a:pt x="29449" y="8383"/>
                  </a:lnTo>
                  <a:lnTo>
                    <a:pt x="29730" y="8383"/>
                  </a:lnTo>
                  <a:lnTo>
                    <a:pt x="29730" y="7826"/>
                  </a:lnTo>
                  <a:lnTo>
                    <a:pt x="30188" y="7826"/>
                  </a:lnTo>
                  <a:cubicBezTo>
                    <a:pt x="30189" y="7855"/>
                    <a:pt x="30205" y="7880"/>
                    <a:pt x="30234" y="7885"/>
                  </a:cubicBezTo>
                  <a:lnTo>
                    <a:pt x="30256" y="7890"/>
                  </a:lnTo>
                  <a:cubicBezTo>
                    <a:pt x="30252" y="7889"/>
                    <a:pt x="30249" y="7889"/>
                    <a:pt x="30246" y="7889"/>
                  </a:cubicBezTo>
                  <a:cubicBezTo>
                    <a:pt x="30217" y="7889"/>
                    <a:pt x="30190" y="7909"/>
                    <a:pt x="30184" y="7940"/>
                  </a:cubicBezTo>
                  <a:cubicBezTo>
                    <a:pt x="30177" y="7974"/>
                    <a:pt x="30200" y="8007"/>
                    <a:pt x="30235" y="8014"/>
                  </a:cubicBezTo>
                  <a:lnTo>
                    <a:pt x="30257" y="8018"/>
                  </a:lnTo>
                  <a:cubicBezTo>
                    <a:pt x="30253" y="8017"/>
                    <a:pt x="30250" y="8017"/>
                    <a:pt x="30247" y="8017"/>
                  </a:cubicBezTo>
                  <a:cubicBezTo>
                    <a:pt x="30217" y="8017"/>
                    <a:pt x="30190" y="8038"/>
                    <a:pt x="30184" y="8068"/>
                  </a:cubicBezTo>
                  <a:cubicBezTo>
                    <a:pt x="30178" y="8102"/>
                    <a:pt x="30200" y="8136"/>
                    <a:pt x="30235" y="8142"/>
                  </a:cubicBezTo>
                  <a:lnTo>
                    <a:pt x="30257" y="8146"/>
                  </a:lnTo>
                  <a:cubicBezTo>
                    <a:pt x="30253" y="8145"/>
                    <a:pt x="30250" y="8145"/>
                    <a:pt x="30247" y="8145"/>
                  </a:cubicBezTo>
                  <a:cubicBezTo>
                    <a:pt x="30217" y="8145"/>
                    <a:pt x="30190" y="8166"/>
                    <a:pt x="30184" y="8195"/>
                  </a:cubicBezTo>
                  <a:cubicBezTo>
                    <a:pt x="30178" y="8230"/>
                    <a:pt x="30200" y="8263"/>
                    <a:pt x="30235" y="8269"/>
                  </a:cubicBezTo>
                  <a:lnTo>
                    <a:pt x="30257" y="8273"/>
                  </a:lnTo>
                  <a:cubicBezTo>
                    <a:pt x="30253" y="8273"/>
                    <a:pt x="30250" y="8272"/>
                    <a:pt x="30247" y="8272"/>
                  </a:cubicBezTo>
                  <a:cubicBezTo>
                    <a:pt x="30217" y="8272"/>
                    <a:pt x="30190" y="8293"/>
                    <a:pt x="30184" y="8324"/>
                  </a:cubicBezTo>
                  <a:cubicBezTo>
                    <a:pt x="30178" y="8358"/>
                    <a:pt x="30200" y="8391"/>
                    <a:pt x="30235" y="8397"/>
                  </a:cubicBezTo>
                  <a:lnTo>
                    <a:pt x="30257" y="8401"/>
                  </a:lnTo>
                  <a:cubicBezTo>
                    <a:pt x="30253" y="8401"/>
                    <a:pt x="30250" y="8400"/>
                    <a:pt x="30247" y="8400"/>
                  </a:cubicBezTo>
                  <a:cubicBezTo>
                    <a:pt x="30217" y="8400"/>
                    <a:pt x="30190" y="8421"/>
                    <a:pt x="30184" y="8452"/>
                  </a:cubicBezTo>
                  <a:cubicBezTo>
                    <a:pt x="30178" y="8486"/>
                    <a:pt x="30201" y="8519"/>
                    <a:pt x="30235" y="8525"/>
                  </a:cubicBezTo>
                  <a:lnTo>
                    <a:pt x="30257" y="8529"/>
                  </a:lnTo>
                  <a:cubicBezTo>
                    <a:pt x="30253" y="8529"/>
                    <a:pt x="30249" y="8528"/>
                    <a:pt x="30246" y="8528"/>
                  </a:cubicBezTo>
                  <a:cubicBezTo>
                    <a:pt x="30216" y="8528"/>
                    <a:pt x="30190" y="8550"/>
                    <a:pt x="30184" y="8579"/>
                  </a:cubicBezTo>
                  <a:cubicBezTo>
                    <a:pt x="30178" y="8613"/>
                    <a:pt x="30201" y="8646"/>
                    <a:pt x="30235" y="8652"/>
                  </a:cubicBezTo>
                  <a:lnTo>
                    <a:pt x="30257" y="8657"/>
                  </a:lnTo>
                  <a:cubicBezTo>
                    <a:pt x="30253" y="8656"/>
                    <a:pt x="30250" y="8656"/>
                    <a:pt x="30247" y="8656"/>
                  </a:cubicBezTo>
                  <a:cubicBezTo>
                    <a:pt x="30217" y="8656"/>
                    <a:pt x="30190" y="8676"/>
                    <a:pt x="30184" y="8707"/>
                  </a:cubicBezTo>
                  <a:cubicBezTo>
                    <a:pt x="30178" y="8741"/>
                    <a:pt x="30201" y="8774"/>
                    <a:pt x="30235" y="8781"/>
                  </a:cubicBezTo>
                  <a:lnTo>
                    <a:pt x="30257" y="8785"/>
                  </a:lnTo>
                  <a:cubicBezTo>
                    <a:pt x="30253" y="8784"/>
                    <a:pt x="30250" y="8784"/>
                    <a:pt x="30247" y="8784"/>
                  </a:cubicBezTo>
                  <a:cubicBezTo>
                    <a:pt x="30217" y="8784"/>
                    <a:pt x="30190" y="8805"/>
                    <a:pt x="30184" y="8834"/>
                  </a:cubicBezTo>
                  <a:cubicBezTo>
                    <a:pt x="30178" y="8869"/>
                    <a:pt x="30201" y="8901"/>
                    <a:pt x="30235" y="8909"/>
                  </a:cubicBezTo>
                  <a:lnTo>
                    <a:pt x="30256" y="8912"/>
                  </a:lnTo>
                  <a:lnTo>
                    <a:pt x="30256" y="8912"/>
                  </a:lnTo>
                  <a:cubicBezTo>
                    <a:pt x="30253" y="8911"/>
                    <a:pt x="30250" y="8911"/>
                    <a:pt x="30247" y="8911"/>
                  </a:cubicBezTo>
                  <a:cubicBezTo>
                    <a:pt x="30217" y="8911"/>
                    <a:pt x="30190" y="8932"/>
                    <a:pt x="30184" y="8962"/>
                  </a:cubicBezTo>
                  <a:cubicBezTo>
                    <a:pt x="30178" y="8997"/>
                    <a:pt x="30201" y="9030"/>
                    <a:pt x="30235" y="9036"/>
                  </a:cubicBezTo>
                  <a:lnTo>
                    <a:pt x="30257" y="9040"/>
                  </a:lnTo>
                  <a:cubicBezTo>
                    <a:pt x="30254" y="9040"/>
                    <a:pt x="30250" y="9039"/>
                    <a:pt x="30247" y="9039"/>
                  </a:cubicBezTo>
                  <a:cubicBezTo>
                    <a:pt x="30218" y="9039"/>
                    <a:pt x="30191" y="9060"/>
                    <a:pt x="30185" y="9091"/>
                  </a:cubicBezTo>
                  <a:cubicBezTo>
                    <a:pt x="30178" y="9125"/>
                    <a:pt x="30201" y="9158"/>
                    <a:pt x="30235" y="9164"/>
                  </a:cubicBezTo>
                  <a:lnTo>
                    <a:pt x="30257" y="9168"/>
                  </a:lnTo>
                  <a:cubicBezTo>
                    <a:pt x="30253" y="9168"/>
                    <a:pt x="30249" y="9167"/>
                    <a:pt x="30246" y="9167"/>
                  </a:cubicBezTo>
                  <a:cubicBezTo>
                    <a:pt x="30217" y="9167"/>
                    <a:pt x="30191" y="9188"/>
                    <a:pt x="30185" y="9218"/>
                  </a:cubicBezTo>
                  <a:cubicBezTo>
                    <a:pt x="30178" y="9252"/>
                    <a:pt x="30201" y="9285"/>
                    <a:pt x="30235" y="9291"/>
                  </a:cubicBezTo>
                  <a:lnTo>
                    <a:pt x="30257" y="9295"/>
                  </a:lnTo>
                  <a:cubicBezTo>
                    <a:pt x="30254" y="9295"/>
                    <a:pt x="30250" y="9295"/>
                    <a:pt x="30247" y="9295"/>
                  </a:cubicBezTo>
                  <a:cubicBezTo>
                    <a:pt x="30218" y="9295"/>
                    <a:pt x="30191" y="9315"/>
                    <a:pt x="30185" y="9346"/>
                  </a:cubicBezTo>
                  <a:cubicBezTo>
                    <a:pt x="30178" y="9380"/>
                    <a:pt x="30201" y="9413"/>
                    <a:pt x="30235" y="9419"/>
                  </a:cubicBezTo>
                  <a:lnTo>
                    <a:pt x="30257" y="9424"/>
                  </a:lnTo>
                  <a:cubicBezTo>
                    <a:pt x="30254" y="9423"/>
                    <a:pt x="30250" y="9423"/>
                    <a:pt x="30247" y="9423"/>
                  </a:cubicBezTo>
                  <a:cubicBezTo>
                    <a:pt x="30218" y="9423"/>
                    <a:pt x="30191" y="9443"/>
                    <a:pt x="30185" y="9473"/>
                  </a:cubicBezTo>
                  <a:cubicBezTo>
                    <a:pt x="30178" y="9508"/>
                    <a:pt x="30201" y="9540"/>
                    <a:pt x="30236" y="9548"/>
                  </a:cubicBezTo>
                  <a:lnTo>
                    <a:pt x="30258" y="9552"/>
                  </a:lnTo>
                  <a:cubicBezTo>
                    <a:pt x="30254" y="9551"/>
                    <a:pt x="30250" y="9551"/>
                    <a:pt x="30246" y="9551"/>
                  </a:cubicBezTo>
                  <a:cubicBezTo>
                    <a:pt x="30217" y="9551"/>
                    <a:pt x="30191" y="9571"/>
                    <a:pt x="30185" y="9601"/>
                  </a:cubicBezTo>
                  <a:cubicBezTo>
                    <a:pt x="30178" y="9635"/>
                    <a:pt x="30201" y="9668"/>
                    <a:pt x="30236" y="9675"/>
                  </a:cubicBezTo>
                  <a:lnTo>
                    <a:pt x="30257" y="9679"/>
                  </a:lnTo>
                  <a:cubicBezTo>
                    <a:pt x="30254" y="9678"/>
                    <a:pt x="30250" y="9678"/>
                    <a:pt x="30247" y="9678"/>
                  </a:cubicBezTo>
                  <a:cubicBezTo>
                    <a:pt x="30218" y="9678"/>
                    <a:pt x="30191" y="9699"/>
                    <a:pt x="30185" y="9729"/>
                  </a:cubicBezTo>
                  <a:cubicBezTo>
                    <a:pt x="30178" y="9764"/>
                    <a:pt x="30201" y="9797"/>
                    <a:pt x="30236" y="9803"/>
                  </a:cubicBezTo>
                  <a:lnTo>
                    <a:pt x="30258" y="9807"/>
                  </a:lnTo>
                  <a:cubicBezTo>
                    <a:pt x="30254" y="9806"/>
                    <a:pt x="30251" y="9806"/>
                    <a:pt x="30248" y="9806"/>
                  </a:cubicBezTo>
                  <a:cubicBezTo>
                    <a:pt x="30218" y="9806"/>
                    <a:pt x="30191" y="9827"/>
                    <a:pt x="30185" y="9857"/>
                  </a:cubicBezTo>
                  <a:cubicBezTo>
                    <a:pt x="30179" y="9891"/>
                    <a:pt x="30201" y="9924"/>
                    <a:pt x="30236" y="9931"/>
                  </a:cubicBezTo>
                  <a:lnTo>
                    <a:pt x="30257" y="9934"/>
                  </a:lnTo>
                  <a:lnTo>
                    <a:pt x="30257" y="9934"/>
                  </a:lnTo>
                  <a:cubicBezTo>
                    <a:pt x="30254" y="9934"/>
                    <a:pt x="30251" y="9933"/>
                    <a:pt x="30248" y="9933"/>
                  </a:cubicBezTo>
                  <a:cubicBezTo>
                    <a:pt x="30218" y="9933"/>
                    <a:pt x="30191" y="9954"/>
                    <a:pt x="30185" y="9985"/>
                  </a:cubicBezTo>
                  <a:cubicBezTo>
                    <a:pt x="30179" y="10019"/>
                    <a:pt x="30202" y="10052"/>
                    <a:pt x="30236" y="10058"/>
                  </a:cubicBezTo>
                  <a:lnTo>
                    <a:pt x="30258" y="10062"/>
                  </a:lnTo>
                  <a:cubicBezTo>
                    <a:pt x="30254" y="10062"/>
                    <a:pt x="30251" y="10062"/>
                    <a:pt x="30248" y="10062"/>
                  </a:cubicBezTo>
                  <a:cubicBezTo>
                    <a:pt x="30218" y="10062"/>
                    <a:pt x="30191" y="10082"/>
                    <a:pt x="30185" y="10113"/>
                  </a:cubicBezTo>
                  <a:cubicBezTo>
                    <a:pt x="30179" y="10147"/>
                    <a:pt x="30202" y="10180"/>
                    <a:pt x="30236" y="10186"/>
                  </a:cubicBezTo>
                  <a:lnTo>
                    <a:pt x="30258" y="10191"/>
                  </a:lnTo>
                  <a:cubicBezTo>
                    <a:pt x="30254" y="10190"/>
                    <a:pt x="30250" y="10189"/>
                    <a:pt x="30247" y="10189"/>
                  </a:cubicBezTo>
                  <a:cubicBezTo>
                    <a:pt x="30217" y="10189"/>
                    <a:pt x="30191" y="10211"/>
                    <a:pt x="30185" y="10240"/>
                  </a:cubicBezTo>
                  <a:cubicBezTo>
                    <a:pt x="30179" y="10274"/>
                    <a:pt x="30202" y="10307"/>
                    <a:pt x="30236" y="10314"/>
                  </a:cubicBezTo>
                  <a:lnTo>
                    <a:pt x="30258" y="10318"/>
                  </a:lnTo>
                  <a:cubicBezTo>
                    <a:pt x="30254" y="10317"/>
                    <a:pt x="30251" y="10317"/>
                    <a:pt x="30248" y="10317"/>
                  </a:cubicBezTo>
                  <a:cubicBezTo>
                    <a:pt x="30218" y="10317"/>
                    <a:pt x="30191" y="10338"/>
                    <a:pt x="30185" y="10368"/>
                  </a:cubicBezTo>
                  <a:cubicBezTo>
                    <a:pt x="30179" y="10402"/>
                    <a:pt x="30202" y="10435"/>
                    <a:pt x="30236" y="10442"/>
                  </a:cubicBezTo>
                  <a:lnTo>
                    <a:pt x="30258" y="10446"/>
                  </a:lnTo>
                  <a:cubicBezTo>
                    <a:pt x="30255" y="10445"/>
                    <a:pt x="30251" y="10445"/>
                    <a:pt x="30248" y="10445"/>
                  </a:cubicBezTo>
                  <a:cubicBezTo>
                    <a:pt x="30218" y="10445"/>
                    <a:pt x="30191" y="10466"/>
                    <a:pt x="30185" y="10495"/>
                  </a:cubicBezTo>
                  <a:cubicBezTo>
                    <a:pt x="30179" y="10531"/>
                    <a:pt x="30202" y="10563"/>
                    <a:pt x="30236" y="10570"/>
                  </a:cubicBezTo>
                  <a:lnTo>
                    <a:pt x="30258" y="10574"/>
                  </a:lnTo>
                  <a:cubicBezTo>
                    <a:pt x="30254" y="10573"/>
                    <a:pt x="30250" y="10573"/>
                    <a:pt x="30247" y="10573"/>
                  </a:cubicBezTo>
                  <a:cubicBezTo>
                    <a:pt x="30218" y="10573"/>
                    <a:pt x="30192" y="10593"/>
                    <a:pt x="30185" y="10624"/>
                  </a:cubicBezTo>
                  <a:cubicBezTo>
                    <a:pt x="30179" y="10658"/>
                    <a:pt x="30202" y="10691"/>
                    <a:pt x="30236" y="10697"/>
                  </a:cubicBezTo>
                  <a:lnTo>
                    <a:pt x="30258" y="10701"/>
                  </a:lnTo>
                  <a:cubicBezTo>
                    <a:pt x="30255" y="10701"/>
                    <a:pt x="30251" y="10700"/>
                    <a:pt x="30248" y="10700"/>
                  </a:cubicBezTo>
                  <a:cubicBezTo>
                    <a:pt x="30219" y="10700"/>
                    <a:pt x="30192" y="10721"/>
                    <a:pt x="30185" y="10752"/>
                  </a:cubicBezTo>
                  <a:cubicBezTo>
                    <a:pt x="30179" y="10786"/>
                    <a:pt x="30202" y="10819"/>
                    <a:pt x="30236" y="10825"/>
                  </a:cubicBezTo>
                  <a:lnTo>
                    <a:pt x="30258" y="10829"/>
                  </a:lnTo>
                  <a:cubicBezTo>
                    <a:pt x="30255" y="10829"/>
                    <a:pt x="30251" y="10829"/>
                    <a:pt x="30248" y="10829"/>
                  </a:cubicBezTo>
                  <a:cubicBezTo>
                    <a:pt x="30219" y="10829"/>
                    <a:pt x="30192" y="10849"/>
                    <a:pt x="30185" y="10879"/>
                  </a:cubicBezTo>
                  <a:cubicBezTo>
                    <a:pt x="30179" y="10913"/>
                    <a:pt x="30202" y="10946"/>
                    <a:pt x="30236" y="10953"/>
                  </a:cubicBezTo>
                  <a:lnTo>
                    <a:pt x="30256" y="10956"/>
                  </a:lnTo>
                  <a:lnTo>
                    <a:pt x="30256" y="10956"/>
                  </a:lnTo>
                  <a:cubicBezTo>
                    <a:pt x="30253" y="10956"/>
                    <a:pt x="30251" y="10956"/>
                    <a:pt x="30248" y="10956"/>
                  </a:cubicBezTo>
                  <a:cubicBezTo>
                    <a:pt x="30219" y="10956"/>
                    <a:pt x="30192" y="10976"/>
                    <a:pt x="30186" y="11007"/>
                  </a:cubicBezTo>
                  <a:cubicBezTo>
                    <a:pt x="30179" y="11041"/>
                    <a:pt x="30202" y="11074"/>
                    <a:pt x="30236" y="11081"/>
                  </a:cubicBezTo>
                  <a:lnTo>
                    <a:pt x="30258" y="11085"/>
                  </a:lnTo>
                  <a:cubicBezTo>
                    <a:pt x="30255" y="11084"/>
                    <a:pt x="30251" y="11084"/>
                    <a:pt x="30248" y="11084"/>
                  </a:cubicBezTo>
                  <a:cubicBezTo>
                    <a:pt x="30219" y="11084"/>
                    <a:pt x="30192" y="11105"/>
                    <a:pt x="30186" y="11135"/>
                  </a:cubicBezTo>
                  <a:cubicBezTo>
                    <a:pt x="30179" y="11169"/>
                    <a:pt x="30202" y="11202"/>
                    <a:pt x="30237" y="11209"/>
                  </a:cubicBezTo>
                  <a:lnTo>
                    <a:pt x="30259" y="11213"/>
                  </a:lnTo>
                  <a:cubicBezTo>
                    <a:pt x="30255" y="11212"/>
                    <a:pt x="30251" y="11212"/>
                    <a:pt x="30248" y="11212"/>
                  </a:cubicBezTo>
                  <a:cubicBezTo>
                    <a:pt x="30218" y="11212"/>
                    <a:pt x="30192" y="11233"/>
                    <a:pt x="30186" y="11262"/>
                  </a:cubicBezTo>
                  <a:cubicBezTo>
                    <a:pt x="30180" y="11297"/>
                    <a:pt x="30202" y="11330"/>
                    <a:pt x="30237" y="11336"/>
                  </a:cubicBezTo>
                  <a:lnTo>
                    <a:pt x="30259" y="11340"/>
                  </a:lnTo>
                  <a:cubicBezTo>
                    <a:pt x="30255" y="11339"/>
                    <a:pt x="30252" y="11339"/>
                    <a:pt x="30249" y="11339"/>
                  </a:cubicBezTo>
                  <a:cubicBezTo>
                    <a:pt x="30219" y="11339"/>
                    <a:pt x="30192" y="11360"/>
                    <a:pt x="30186" y="11391"/>
                  </a:cubicBezTo>
                  <a:cubicBezTo>
                    <a:pt x="30180" y="11425"/>
                    <a:pt x="30202" y="11458"/>
                    <a:pt x="30237" y="11464"/>
                  </a:cubicBezTo>
                  <a:lnTo>
                    <a:pt x="30259" y="11468"/>
                  </a:lnTo>
                  <a:cubicBezTo>
                    <a:pt x="30255" y="11468"/>
                    <a:pt x="30252" y="11467"/>
                    <a:pt x="30249" y="11467"/>
                  </a:cubicBezTo>
                  <a:cubicBezTo>
                    <a:pt x="30219" y="11467"/>
                    <a:pt x="30192" y="11488"/>
                    <a:pt x="30186" y="11518"/>
                  </a:cubicBezTo>
                  <a:cubicBezTo>
                    <a:pt x="30180" y="11552"/>
                    <a:pt x="30203" y="11585"/>
                    <a:pt x="30237" y="11592"/>
                  </a:cubicBezTo>
                  <a:lnTo>
                    <a:pt x="30258" y="11595"/>
                  </a:lnTo>
                  <a:lnTo>
                    <a:pt x="30258" y="11595"/>
                  </a:lnTo>
                  <a:cubicBezTo>
                    <a:pt x="30255" y="11595"/>
                    <a:pt x="30252" y="11595"/>
                    <a:pt x="30249" y="11595"/>
                  </a:cubicBezTo>
                  <a:cubicBezTo>
                    <a:pt x="30219" y="11595"/>
                    <a:pt x="30192" y="11615"/>
                    <a:pt x="30186" y="11646"/>
                  </a:cubicBezTo>
                  <a:cubicBezTo>
                    <a:pt x="30180" y="11680"/>
                    <a:pt x="30203" y="11713"/>
                    <a:pt x="30237" y="11719"/>
                  </a:cubicBezTo>
                  <a:lnTo>
                    <a:pt x="30259" y="11723"/>
                  </a:lnTo>
                  <a:cubicBezTo>
                    <a:pt x="30255" y="11723"/>
                    <a:pt x="30252" y="11723"/>
                    <a:pt x="30249" y="11723"/>
                  </a:cubicBezTo>
                  <a:cubicBezTo>
                    <a:pt x="30219" y="11723"/>
                    <a:pt x="30192" y="11743"/>
                    <a:pt x="30186" y="11774"/>
                  </a:cubicBezTo>
                  <a:cubicBezTo>
                    <a:pt x="30180" y="11808"/>
                    <a:pt x="30203" y="11841"/>
                    <a:pt x="30237" y="11847"/>
                  </a:cubicBezTo>
                  <a:lnTo>
                    <a:pt x="30259" y="11852"/>
                  </a:lnTo>
                  <a:cubicBezTo>
                    <a:pt x="30255" y="11851"/>
                    <a:pt x="30252" y="11851"/>
                    <a:pt x="30249" y="11851"/>
                  </a:cubicBezTo>
                  <a:cubicBezTo>
                    <a:pt x="30219" y="11851"/>
                    <a:pt x="30192" y="11871"/>
                    <a:pt x="30186" y="11901"/>
                  </a:cubicBezTo>
                  <a:cubicBezTo>
                    <a:pt x="30180" y="11935"/>
                    <a:pt x="30203" y="11968"/>
                    <a:pt x="30237" y="11975"/>
                  </a:cubicBezTo>
                  <a:lnTo>
                    <a:pt x="30259" y="11979"/>
                  </a:lnTo>
                  <a:cubicBezTo>
                    <a:pt x="30255" y="11978"/>
                    <a:pt x="30252" y="11978"/>
                    <a:pt x="30249" y="11978"/>
                  </a:cubicBezTo>
                  <a:cubicBezTo>
                    <a:pt x="30219" y="11978"/>
                    <a:pt x="30192" y="11999"/>
                    <a:pt x="30186" y="12029"/>
                  </a:cubicBezTo>
                  <a:cubicBezTo>
                    <a:pt x="30180" y="12064"/>
                    <a:pt x="30203" y="12097"/>
                    <a:pt x="30237" y="12103"/>
                  </a:cubicBezTo>
                  <a:lnTo>
                    <a:pt x="30259" y="12107"/>
                  </a:lnTo>
                  <a:cubicBezTo>
                    <a:pt x="30255" y="12106"/>
                    <a:pt x="30252" y="12106"/>
                    <a:pt x="30249" y="12106"/>
                  </a:cubicBezTo>
                  <a:cubicBezTo>
                    <a:pt x="30219" y="12106"/>
                    <a:pt x="30192" y="12127"/>
                    <a:pt x="30186" y="12157"/>
                  </a:cubicBezTo>
                  <a:cubicBezTo>
                    <a:pt x="30180" y="12192"/>
                    <a:pt x="30203" y="12224"/>
                    <a:pt x="30237" y="12231"/>
                  </a:cubicBezTo>
                  <a:lnTo>
                    <a:pt x="30259" y="12235"/>
                  </a:lnTo>
                  <a:cubicBezTo>
                    <a:pt x="30255" y="12234"/>
                    <a:pt x="30251" y="12234"/>
                    <a:pt x="30247" y="12234"/>
                  </a:cubicBezTo>
                  <a:cubicBezTo>
                    <a:pt x="30218" y="12234"/>
                    <a:pt x="30192" y="12255"/>
                    <a:pt x="30186" y="12285"/>
                  </a:cubicBezTo>
                  <a:cubicBezTo>
                    <a:pt x="30180" y="12319"/>
                    <a:pt x="30203" y="12352"/>
                    <a:pt x="30237" y="12358"/>
                  </a:cubicBezTo>
                  <a:lnTo>
                    <a:pt x="30259" y="12362"/>
                  </a:lnTo>
                  <a:cubicBezTo>
                    <a:pt x="30255" y="12362"/>
                    <a:pt x="30252" y="12362"/>
                    <a:pt x="30249" y="12362"/>
                  </a:cubicBezTo>
                  <a:cubicBezTo>
                    <a:pt x="30219" y="12362"/>
                    <a:pt x="30192" y="12382"/>
                    <a:pt x="30186" y="12413"/>
                  </a:cubicBezTo>
                  <a:cubicBezTo>
                    <a:pt x="30180" y="12447"/>
                    <a:pt x="30203" y="12480"/>
                    <a:pt x="30237" y="12486"/>
                  </a:cubicBezTo>
                  <a:lnTo>
                    <a:pt x="30259" y="12490"/>
                  </a:lnTo>
                  <a:cubicBezTo>
                    <a:pt x="30256" y="12490"/>
                    <a:pt x="30252" y="12490"/>
                    <a:pt x="30249" y="12490"/>
                  </a:cubicBezTo>
                  <a:cubicBezTo>
                    <a:pt x="30219" y="12490"/>
                    <a:pt x="30192" y="12510"/>
                    <a:pt x="30186" y="12540"/>
                  </a:cubicBezTo>
                  <a:cubicBezTo>
                    <a:pt x="30180" y="12574"/>
                    <a:pt x="30203" y="12607"/>
                    <a:pt x="30237" y="12613"/>
                  </a:cubicBezTo>
                  <a:lnTo>
                    <a:pt x="30259" y="12618"/>
                  </a:lnTo>
                  <a:cubicBezTo>
                    <a:pt x="30256" y="12617"/>
                    <a:pt x="30252" y="12617"/>
                    <a:pt x="30249" y="12617"/>
                  </a:cubicBezTo>
                  <a:cubicBezTo>
                    <a:pt x="30220" y="12617"/>
                    <a:pt x="30193" y="12637"/>
                    <a:pt x="30188" y="12668"/>
                  </a:cubicBezTo>
                  <a:cubicBezTo>
                    <a:pt x="30180" y="12702"/>
                    <a:pt x="30203" y="12735"/>
                    <a:pt x="30237" y="12742"/>
                  </a:cubicBezTo>
                  <a:lnTo>
                    <a:pt x="30259" y="12746"/>
                  </a:lnTo>
                  <a:cubicBezTo>
                    <a:pt x="30256" y="12745"/>
                    <a:pt x="30252" y="12745"/>
                    <a:pt x="30249" y="12745"/>
                  </a:cubicBezTo>
                  <a:cubicBezTo>
                    <a:pt x="30220" y="12745"/>
                    <a:pt x="30193" y="12766"/>
                    <a:pt x="30188" y="12795"/>
                  </a:cubicBezTo>
                  <a:cubicBezTo>
                    <a:pt x="30180" y="12831"/>
                    <a:pt x="30203" y="12863"/>
                    <a:pt x="30238" y="12870"/>
                  </a:cubicBezTo>
                  <a:lnTo>
                    <a:pt x="30259" y="12874"/>
                  </a:lnTo>
                  <a:cubicBezTo>
                    <a:pt x="30255" y="12873"/>
                    <a:pt x="30252" y="12873"/>
                    <a:pt x="30248" y="12873"/>
                  </a:cubicBezTo>
                  <a:cubicBezTo>
                    <a:pt x="30219" y="12873"/>
                    <a:pt x="30193" y="12894"/>
                    <a:pt x="30188" y="12924"/>
                  </a:cubicBezTo>
                  <a:cubicBezTo>
                    <a:pt x="30180" y="12958"/>
                    <a:pt x="30203" y="12991"/>
                    <a:pt x="30238" y="12997"/>
                  </a:cubicBezTo>
                  <a:lnTo>
                    <a:pt x="30260" y="13001"/>
                  </a:lnTo>
                  <a:cubicBezTo>
                    <a:pt x="30257" y="13001"/>
                    <a:pt x="30253" y="13000"/>
                    <a:pt x="30250" y="13000"/>
                  </a:cubicBezTo>
                  <a:cubicBezTo>
                    <a:pt x="30220" y="13000"/>
                    <a:pt x="30193" y="13021"/>
                    <a:pt x="30188" y="13052"/>
                  </a:cubicBezTo>
                  <a:cubicBezTo>
                    <a:pt x="30181" y="13086"/>
                    <a:pt x="30203" y="13119"/>
                    <a:pt x="30238" y="13125"/>
                  </a:cubicBezTo>
                  <a:lnTo>
                    <a:pt x="30260" y="13129"/>
                  </a:lnTo>
                  <a:cubicBezTo>
                    <a:pt x="30257" y="13129"/>
                    <a:pt x="30253" y="13128"/>
                    <a:pt x="30250" y="13128"/>
                  </a:cubicBezTo>
                  <a:cubicBezTo>
                    <a:pt x="30220" y="13128"/>
                    <a:pt x="30193" y="13149"/>
                    <a:pt x="30188" y="13180"/>
                  </a:cubicBezTo>
                  <a:cubicBezTo>
                    <a:pt x="30181" y="13214"/>
                    <a:pt x="30204" y="13247"/>
                    <a:pt x="30238" y="13253"/>
                  </a:cubicBezTo>
                  <a:lnTo>
                    <a:pt x="30260" y="13257"/>
                  </a:lnTo>
                  <a:cubicBezTo>
                    <a:pt x="30257" y="13257"/>
                    <a:pt x="30253" y="13257"/>
                    <a:pt x="30250" y="13257"/>
                  </a:cubicBezTo>
                  <a:cubicBezTo>
                    <a:pt x="30220" y="13257"/>
                    <a:pt x="30193" y="13277"/>
                    <a:pt x="30188" y="13307"/>
                  </a:cubicBezTo>
                  <a:cubicBezTo>
                    <a:pt x="30181" y="13341"/>
                    <a:pt x="30204" y="13374"/>
                    <a:pt x="30238" y="13380"/>
                  </a:cubicBezTo>
                  <a:lnTo>
                    <a:pt x="30260" y="13385"/>
                  </a:lnTo>
                  <a:cubicBezTo>
                    <a:pt x="30257" y="13384"/>
                    <a:pt x="30253" y="13384"/>
                    <a:pt x="30250" y="13384"/>
                  </a:cubicBezTo>
                  <a:cubicBezTo>
                    <a:pt x="30220" y="13384"/>
                    <a:pt x="30193" y="13404"/>
                    <a:pt x="30188" y="13435"/>
                  </a:cubicBezTo>
                  <a:cubicBezTo>
                    <a:pt x="30181" y="13469"/>
                    <a:pt x="30204" y="13502"/>
                    <a:pt x="30238" y="13509"/>
                  </a:cubicBezTo>
                  <a:lnTo>
                    <a:pt x="30260" y="13513"/>
                  </a:lnTo>
                  <a:cubicBezTo>
                    <a:pt x="30257" y="13512"/>
                    <a:pt x="30253" y="13512"/>
                    <a:pt x="30250" y="13512"/>
                  </a:cubicBezTo>
                  <a:cubicBezTo>
                    <a:pt x="30220" y="13512"/>
                    <a:pt x="30193" y="13533"/>
                    <a:pt x="30188" y="13563"/>
                  </a:cubicBezTo>
                  <a:cubicBezTo>
                    <a:pt x="30181" y="13598"/>
                    <a:pt x="30204" y="13631"/>
                    <a:pt x="30238" y="13637"/>
                  </a:cubicBezTo>
                  <a:lnTo>
                    <a:pt x="30260" y="13641"/>
                  </a:lnTo>
                  <a:cubicBezTo>
                    <a:pt x="30256" y="13640"/>
                    <a:pt x="30252" y="13640"/>
                    <a:pt x="30249" y="13640"/>
                  </a:cubicBezTo>
                  <a:cubicBezTo>
                    <a:pt x="30219" y="13640"/>
                    <a:pt x="30193" y="13661"/>
                    <a:pt x="30188" y="13691"/>
                  </a:cubicBezTo>
                  <a:cubicBezTo>
                    <a:pt x="30181" y="13725"/>
                    <a:pt x="30204" y="13758"/>
                    <a:pt x="30238" y="13764"/>
                  </a:cubicBezTo>
                  <a:lnTo>
                    <a:pt x="30260" y="13768"/>
                  </a:lnTo>
                  <a:cubicBezTo>
                    <a:pt x="30257" y="13768"/>
                    <a:pt x="30253" y="13767"/>
                    <a:pt x="30250" y="13767"/>
                  </a:cubicBezTo>
                  <a:cubicBezTo>
                    <a:pt x="30220" y="13767"/>
                    <a:pt x="30193" y="13788"/>
                    <a:pt x="30188" y="13819"/>
                  </a:cubicBezTo>
                  <a:cubicBezTo>
                    <a:pt x="30183" y="13839"/>
                    <a:pt x="30194" y="13858"/>
                    <a:pt x="30208" y="13872"/>
                  </a:cubicBezTo>
                  <a:cubicBezTo>
                    <a:pt x="29990" y="13972"/>
                    <a:pt x="29837" y="14190"/>
                    <a:pt x="29837" y="14446"/>
                  </a:cubicBezTo>
                  <a:lnTo>
                    <a:pt x="29837" y="15166"/>
                  </a:lnTo>
                  <a:lnTo>
                    <a:pt x="29837" y="15666"/>
                  </a:lnTo>
                  <a:cubicBezTo>
                    <a:pt x="29837" y="15736"/>
                    <a:pt x="29893" y="15793"/>
                    <a:pt x="29963" y="15795"/>
                  </a:cubicBezTo>
                  <a:lnTo>
                    <a:pt x="30422" y="15805"/>
                  </a:lnTo>
                  <a:cubicBezTo>
                    <a:pt x="30515" y="15808"/>
                    <a:pt x="30603" y="15849"/>
                    <a:pt x="30663" y="15920"/>
                  </a:cubicBezTo>
                  <a:lnTo>
                    <a:pt x="30881" y="16176"/>
                  </a:lnTo>
                  <a:cubicBezTo>
                    <a:pt x="31014" y="16332"/>
                    <a:pt x="31042" y="16550"/>
                    <a:pt x="30955" y="16735"/>
                  </a:cubicBezTo>
                  <a:lnTo>
                    <a:pt x="30879" y="16893"/>
                  </a:lnTo>
                  <a:cubicBezTo>
                    <a:pt x="30818" y="17021"/>
                    <a:pt x="30688" y="17103"/>
                    <a:pt x="30547" y="17103"/>
                  </a:cubicBezTo>
                  <a:cubicBezTo>
                    <a:pt x="30546" y="17103"/>
                    <a:pt x="30545" y="17103"/>
                    <a:pt x="30544" y="17103"/>
                  </a:cubicBezTo>
                  <a:lnTo>
                    <a:pt x="29915" y="17098"/>
                  </a:lnTo>
                  <a:cubicBezTo>
                    <a:pt x="29806" y="17097"/>
                    <a:pt x="29703" y="17049"/>
                    <a:pt x="29631" y="16966"/>
                  </a:cubicBezTo>
                  <a:lnTo>
                    <a:pt x="29398" y="16696"/>
                  </a:lnTo>
                  <a:cubicBezTo>
                    <a:pt x="29385" y="16681"/>
                    <a:pt x="29368" y="16675"/>
                    <a:pt x="29352" y="16675"/>
                  </a:cubicBezTo>
                  <a:cubicBezTo>
                    <a:pt x="29316" y="16675"/>
                    <a:pt x="29282" y="16706"/>
                    <a:pt x="29290" y="16748"/>
                  </a:cubicBezTo>
                  <a:lnTo>
                    <a:pt x="29362" y="17124"/>
                  </a:lnTo>
                  <a:cubicBezTo>
                    <a:pt x="29378" y="17213"/>
                    <a:pt x="29417" y="17297"/>
                    <a:pt x="29474" y="17367"/>
                  </a:cubicBezTo>
                  <a:lnTo>
                    <a:pt x="29519" y="17421"/>
                  </a:lnTo>
                  <a:cubicBezTo>
                    <a:pt x="29720" y="17668"/>
                    <a:pt x="30022" y="17811"/>
                    <a:pt x="30342" y="17811"/>
                  </a:cubicBezTo>
                  <a:lnTo>
                    <a:pt x="30484" y="17811"/>
                  </a:lnTo>
                  <a:cubicBezTo>
                    <a:pt x="30744" y="17811"/>
                    <a:pt x="30995" y="17716"/>
                    <a:pt x="31190" y="17543"/>
                  </a:cubicBezTo>
                  <a:cubicBezTo>
                    <a:pt x="31386" y="17368"/>
                    <a:pt x="31510" y="17129"/>
                    <a:pt x="31540" y="16869"/>
                  </a:cubicBezTo>
                  <a:lnTo>
                    <a:pt x="31583" y="16486"/>
                  </a:lnTo>
                  <a:cubicBezTo>
                    <a:pt x="31607" y="16275"/>
                    <a:pt x="31567" y="16062"/>
                    <a:pt x="31469" y="15874"/>
                  </a:cubicBezTo>
                  <a:lnTo>
                    <a:pt x="31099" y="15165"/>
                  </a:lnTo>
                  <a:lnTo>
                    <a:pt x="31099" y="14445"/>
                  </a:lnTo>
                  <a:cubicBezTo>
                    <a:pt x="31099" y="14190"/>
                    <a:pt x="30946" y="13970"/>
                    <a:pt x="30727" y="13871"/>
                  </a:cubicBezTo>
                  <a:cubicBezTo>
                    <a:pt x="30718" y="13860"/>
                    <a:pt x="30706" y="13851"/>
                    <a:pt x="30691" y="13848"/>
                  </a:cubicBezTo>
                  <a:lnTo>
                    <a:pt x="30669" y="13844"/>
                  </a:lnTo>
                  <a:lnTo>
                    <a:pt x="30669" y="13844"/>
                  </a:lnTo>
                  <a:cubicBezTo>
                    <a:pt x="30673" y="13844"/>
                    <a:pt x="30677" y="13845"/>
                    <a:pt x="30681" y="13845"/>
                  </a:cubicBezTo>
                  <a:cubicBezTo>
                    <a:pt x="30710" y="13845"/>
                    <a:pt x="30736" y="13824"/>
                    <a:pt x="30742" y="13794"/>
                  </a:cubicBezTo>
                  <a:cubicBezTo>
                    <a:pt x="30748" y="13760"/>
                    <a:pt x="30726" y="13727"/>
                    <a:pt x="30691" y="13721"/>
                  </a:cubicBezTo>
                  <a:lnTo>
                    <a:pt x="30669" y="13716"/>
                  </a:lnTo>
                  <a:lnTo>
                    <a:pt x="30669" y="13716"/>
                  </a:lnTo>
                  <a:cubicBezTo>
                    <a:pt x="30673" y="13717"/>
                    <a:pt x="30676" y="13717"/>
                    <a:pt x="30679" y="13717"/>
                  </a:cubicBezTo>
                  <a:cubicBezTo>
                    <a:pt x="30709" y="13717"/>
                    <a:pt x="30736" y="13696"/>
                    <a:pt x="30742" y="13666"/>
                  </a:cubicBezTo>
                  <a:cubicBezTo>
                    <a:pt x="30748" y="13632"/>
                    <a:pt x="30725" y="13599"/>
                    <a:pt x="30691" y="13592"/>
                  </a:cubicBezTo>
                  <a:lnTo>
                    <a:pt x="30669" y="13588"/>
                  </a:lnTo>
                  <a:lnTo>
                    <a:pt x="30669" y="13588"/>
                  </a:lnTo>
                  <a:cubicBezTo>
                    <a:pt x="30673" y="13589"/>
                    <a:pt x="30676" y="13589"/>
                    <a:pt x="30679" y="13589"/>
                  </a:cubicBezTo>
                  <a:cubicBezTo>
                    <a:pt x="30709" y="13589"/>
                    <a:pt x="30736" y="13568"/>
                    <a:pt x="30742" y="13539"/>
                  </a:cubicBezTo>
                  <a:cubicBezTo>
                    <a:pt x="30748" y="13503"/>
                    <a:pt x="30725" y="13471"/>
                    <a:pt x="30691" y="13464"/>
                  </a:cubicBezTo>
                  <a:lnTo>
                    <a:pt x="30670" y="13461"/>
                  </a:lnTo>
                  <a:lnTo>
                    <a:pt x="30670" y="13461"/>
                  </a:lnTo>
                  <a:cubicBezTo>
                    <a:pt x="30673" y="13462"/>
                    <a:pt x="30676" y="13462"/>
                    <a:pt x="30679" y="13462"/>
                  </a:cubicBezTo>
                  <a:cubicBezTo>
                    <a:pt x="30709" y="13462"/>
                    <a:pt x="30736" y="13441"/>
                    <a:pt x="30742" y="13410"/>
                  </a:cubicBezTo>
                  <a:cubicBezTo>
                    <a:pt x="30748" y="13376"/>
                    <a:pt x="30725" y="13343"/>
                    <a:pt x="30691" y="13337"/>
                  </a:cubicBezTo>
                  <a:lnTo>
                    <a:pt x="30669" y="13333"/>
                  </a:lnTo>
                  <a:lnTo>
                    <a:pt x="30669" y="13333"/>
                  </a:lnTo>
                  <a:cubicBezTo>
                    <a:pt x="30673" y="13333"/>
                    <a:pt x="30676" y="13334"/>
                    <a:pt x="30679" y="13334"/>
                  </a:cubicBezTo>
                  <a:cubicBezTo>
                    <a:pt x="30709" y="13334"/>
                    <a:pt x="30736" y="13313"/>
                    <a:pt x="30742" y="13282"/>
                  </a:cubicBezTo>
                  <a:cubicBezTo>
                    <a:pt x="30748" y="13248"/>
                    <a:pt x="30725" y="13215"/>
                    <a:pt x="30691" y="13209"/>
                  </a:cubicBezTo>
                  <a:lnTo>
                    <a:pt x="30669" y="13205"/>
                  </a:lnTo>
                  <a:lnTo>
                    <a:pt x="30669" y="13205"/>
                  </a:lnTo>
                  <a:cubicBezTo>
                    <a:pt x="30673" y="13205"/>
                    <a:pt x="30677" y="13206"/>
                    <a:pt x="30680" y="13206"/>
                  </a:cubicBezTo>
                  <a:cubicBezTo>
                    <a:pt x="30709" y="13206"/>
                    <a:pt x="30736" y="13185"/>
                    <a:pt x="30742" y="13155"/>
                  </a:cubicBezTo>
                  <a:cubicBezTo>
                    <a:pt x="30748" y="13121"/>
                    <a:pt x="30725" y="13088"/>
                    <a:pt x="30691" y="13081"/>
                  </a:cubicBezTo>
                  <a:lnTo>
                    <a:pt x="30671" y="13078"/>
                  </a:lnTo>
                  <a:lnTo>
                    <a:pt x="30671" y="13078"/>
                  </a:lnTo>
                  <a:cubicBezTo>
                    <a:pt x="30674" y="13078"/>
                    <a:pt x="30676" y="13078"/>
                    <a:pt x="30679" y="13078"/>
                  </a:cubicBezTo>
                  <a:cubicBezTo>
                    <a:pt x="30708" y="13078"/>
                    <a:pt x="30735" y="13058"/>
                    <a:pt x="30741" y="13027"/>
                  </a:cubicBezTo>
                  <a:cubicBezTo>
                    <a:pt x="30748" y="12993"/>
                    <a:pt x="30725" y="12960"/>
                    <a:pt x="30691" y="12954"/>
                  </a:cubicBezTo>
                  <a:lnTo>
                    <a:pt x="30669" y="12949"/>
                  </a:lnTo>
                  <a:lnTo>
                    <a:pt x="30669" y="12949"/>
                  </a:lnTo>
                  <a:cubicBezTo>
                    <a:pt x="30672" y="12950"/>
                    <a:pt x="30676" y="12950"/>
                    <a:pt x="30679" y="12950"/>
                  </a:cubicBezTo>
                  <a:cubicBezTo>
                    <a:pt x="30708" y="12950"/>
                    <a:pt x="30735" y="12929"/>
                    <a:pt x="30741" y="12899"/>
                  </a:cubicBezTo>
                  <a:cubicBezTo>
                    <a:pt x="30748" y="12865"/>
                    <a:pt x="30725" y="12832"/>
                    <a:pt x="30690" y="12825"/>
                  </a:cubicBezTo>
                  <a:lnTo>
                    <a:pt x="30668" y="12821"/>
                  </a:lnTo>
                  <a:lnTo>
                    <a:pt x="30668" y="12821"/>
                  </a:lnTo>
                  <a:cubicBezTo>
                    <a:pt x="30672" y="12822"/>
                    <a:pt x="30676" y="12822"/>
                    <a:pt x="30680" y="12822"/>
                  </a:cubicBezTo>
                  <a:cubicBezTo>
                    <a:pt x="30709" y="12822"/>
                    <a:pt x="30735" y="12802"/>
                    <a:pt x="30741" y="12772"/>
                  </a:cubicBezTo>
                  <a:cubicBezTo>
                    <a:pt x="30747" y="12737"/>
                    <a:pt x="30725" y="12704"/>
                    <a:pt x="30690" y="12698"/>
                  </a:cubicBezTo>
                  <a:lnTo>
                    <a:pt x="30668" y="12694"/>
                  </a:lnTo>
                  <a:lnTo>
                    <a:pt x="30668" y="12694"/>
                  </a:lnTo>
                  <a:cubicBezTo>
                    <a:pt x="30672" y="12695"/>
                    <a:pt x="30675" y="12695"/>
                    <a:pt x="30678" y="12695"/>
                  </a:cubicBezTo>
                  <a:cubicBezTo>
                    <a:pt x="30708" y="12695"/>
                    <a:pt x="30735" y="12674"/>
                    <a:pt x="30741" y="12643"/>
                  </a:cubicBezTo>
                  <a:cubicBezTo>
                    <a:pt x="30747" y="12609"/>
                    <a:pt x="30724" y="12576"/>
                    <a:pt x="30690" y="12570"/>
                  </a:cubicBezTo>
                  <a:lnTo>
                    <a:pt x="30668" y="12566"/>
                  </a:lnTo>
                  <a:lnTo>
                    <a:pt x="30668" y="12566"/>
                  </a:lnTo>
                  <a:cubicBezTo>
                    <a:pt x="30672" y="12566"/>
                    <a:pt x="30675" y="12567"/>
                    <a:pt x="30678" y="12567"/>
                  </a:cubicBezTo>
                  <a:cubicBezTo>
                    <a:pt x="30708" y="12567"/>
                    <a:pt x="30735" y="12546"/>
                    <a:pt x="30741" y="12516"/>
                  </a:cubicBezTo>
                  <a:cubicBezTo>
                    <a:pt x="30747" y="12482"/>
                    <a:pt x="30724" y="12449"/>
                    <a:pt x="30690" y="12442"/>
                  </a:cubicBezTo>
                  <a:lnTo>
                    <a:pt x="30669" y="12439"/>
                  </a:lnTo>
                  <a:lnTo>
                    <a:pt x="30669" y="12439"/>
                  </a:lnTo>
                  <a:cubicBezTo>
                    <a:pt x="30672" y="12439"/>
                    <a:pt x="30675" y="12440"/>
                    <a:pt x="30678" y="12440"/>
                  </a:cubicBezTo>
                  <a:cubicBezTo>
                    <a:pt x="30708" y="12440"/>
                    <a:pt x="30735" y="12419"/>
                    <a:pt x="30741" y="12388"/>
                  </a:cubicBezTo>
                  <a:cubicBezTo>
                    <a:pt x="30747" y="12354"/>
                    <a:pt x="30724" y="12321"/>
                    <a:pt x="30690" y="12315"/>
                  </a:cubicBezTo>
                  <a:lnTo>
                    <a:pt x="30668" y="12311"/>
                  </a:lnTo>
                  <a:lnTo>
                    <a:pt x="30668" y="12311"/>
                  </a:lnTo>
                  <a:cubicBezTo>
                    <a:pt x="30672" y="12311"/>
                    <a:pt x="30675" y="12311"/>
                    <a:pt x="30678" y="12311"/>
                  </a:cubicBezTo>
                  <a:cubicBezTo>
                    <a:pt x="30708" y="12311"/>
                    <a:pt x="30735" y="12291"/>
                    <a:pt x="30741" y="12260"/>
                  </a:cubicBezTo>
                  <a:cubicBezTo>
                    <a:pt x="30747" y="12226"/>
                    <a:pt x="30724" y="12193"/>
                    <a:pt x="30690" y="12187"/>
                  </a:cubicBezTo>
                  <a:lnTo>
                    <a:pt x="30668" y="12182"/>
                  </a:lnTo>
                  <a:lnTo>
                    <a:pt x="30668" y="12182"/>
                  </a:lnTo>
                  <a:cubicBezTo>
                    <a:pt x="30672" y="12183"/>
                    <a:pt x="30676" y="12183"/>
                    <a:pt x="30680" y="12183"/>
                  </a:cubicBezTo>
                  <a:cubicBezTo>
                    <a:pt x="30709" y="12183"/>
                    <a:pt x="30735" y="12163"/>
                    <a:pt x="30741" y="12133"/>
                  </a:cubicBezTo>
                  <a:cubicBezTo>
                    <a:pt x="30747" y="12099"/>
                    <a:pt x="30724" y="12066"/>
                    <a:pt x="30690" y="12059"/>
                  </a:cubicBezTo>
                  <a:lnTo>
                    <a:pt x="30668" y="12055"/>
                  </a:lnTo>
                  <a:lnTo>
                    <a:pt x="30668" y="12055"/>
                  </a:lnTo>
                  <a:cubicBezTo>
                    <a:pt x="30671" y="12056"/>
                    <a:pt x="30675" y="12056"/>
                    <a:pt x="30678" y="12056"/>
                  </a:cubicBezTo>
                  <a:cubicBezTo>
                    <a:pt x="30708" y="12056"/>
                    <a:pt x="30735" y="12035"/>
                    <a:pt x="30741" y="12005"/>
                  </a:cubicBezTo>
                  <a:cubicBezTo>
                    <a:pt x="30747" y="11971"/>
                    <a:pt x="30724" y="11937"/>
                    <a:pt x="30690" y="11931"/>
                  </a:cubicBezTo>
                  <a:lnTo>
                    <a:pt x="30668" y="11927"/>
                  </a:lnTo>
                  <a:lnTo>
                    <a:pt x="30668" y="11927"/>
                  </a:lnTo>
                  <a:cubicBezTo>
                    <a:pt x="30671" y="11928"/>
                    <a:pt x="30675" y="11928"/>
                    <a:pt x="30678" y="11928"/>
                  </a:cubicBezTo>
                  <a:cubicBezTo>
                    <a:pt x="30707" y="11928"/>
                    <a:pt x="30734" y="11907"/>
                    <a:pt x="30740" y="11877"/>
                  </a:cubicBezTo>
                  <a:cubicBezTo>
                    <a:pt x="30747" y="11843"/>
                    <a:pt x="30724" y="11810"/>
                    <a:pt x="30690" y="11803"/>
                  </a:cubicBezTo>
                  <a:lnTo>
                    <a:pt x="30670" y="11800"/>
                  </a:lnTo>
                  <a:lnTo>
                    <a:pt x="30670" y="11800"/>
                  </a:lnTo>
                  <a:cubicBezTo>
                    <a:pt x="30673" y="11801"/>
                    <a:pt x="30675" y="11801"/>
                    <a:pt x="30678" y="11801"/>
                  </a:cubicBezTo>
                  <a:cubicBezTo>
                    <a:pt x="30707" y="11801"/>
                    <a:pt x="30734" y="11780"/>
                    <a:pt x="30740" y="11749"/>
                  </a:cubicBezTo>
                  <a:cubicBezTo>
                    <a:pt x="30747" y="11715"/>
                    <a:pt x="30724" y="11682"/>
                    <a:pt x="30689" y="11676"/>
                  </a:cubicBezTo>
                  <a:lnTo>
                    <a:pt x="30667" y="11672"/>
                  </a:lnTo>
                  <a:lnTo>
                    <a:pt x="30667" y="11672"/>
                  </a:lnTo>
                  <a:cubicBezTo>
                    <a:pt x="30671" y="11672"/>
                    <a:pt x="30674" y="11673"/>
                    <a:pt x="30677" y="11673"/>
                  </a:cubicBezTo>
                  <a:cubicBezTo>
                    <a:pt x="30707" y="11673"/>
                    <a:pt x="30734" y="11652"/>
                    <a:pt x="30740" y="11621"/>
                  </a:cubicBezTo>
                  <a:cubicBezTo>
                    <a:pt x="30746" y="11587"/>
                    <a:pt x="30724" y="11554"/>
                    <a:pt x="30689" y="11548"/>
                  </a:cubicBezTo>
                  <a:lnTo>
                    <a:pt x="30667" y="11544"/>
                  </a:lnTo>
                  <a:lnTo>
                    <a:pt x="30667" y="11544"/>
                  </a:lnTo>
                  <a:cubicBezTo>
                    <a:pt x="30671" y="11544"/>
                    <a:pt x="30674" y="11544"/>
                    <a:pt x="30677" y="11544"/>
                  </a:cubicBezTo>
                  <a:cubicBezTo>
                    <a:pt x="30707" y="11544"/>
                    <a:pt x="30734" y="11524"/>
                    <a:pt x="30740" y="11494"/>
                  </a:cubicBezTo>
                  <a:cubicBezTo>
                    <a:pt x="30746" y="11460"/>
                    <a:pt x="30723" y="11427"/>
                    <a:pt x="30689" y="11421"/>
                  </a:cubicBezTo>
                  <a:lnTo>
                    <a:pt x="30667" y="11416"/>
                  </a:lnTo>
                  <a:lnTo>
                    <a:pt x="30667" y="11416"/>
                  </a:lnTo>
                  <a:cubicBezTo>
                    <a:pt x="30671" y="11417"/>
                    <a:pt x="30674" y="11417"/>
                    <a:pt x="30677" y="11417"/>
                  </a:cubicBezTo>
                  <a:cubicBezTo>
                    <a:pt x="30707" y="11417"/>
                    <a:pt x="30734" y="11397"/>
                    <a:pt x="30740" y="11366"/>
                  </a:cubicBezTo>
                  <a:cubicBezTo>
                    <a:pt x="30746" y="11332"/>
                    <a:pt x="30723" y="11299"/>
                    <a:pt x="30689" y="11292"/>
                  </a:cubicBezTo>
                  <a:lnTo>
                    <a:pt x="30667" y="11288"/>
                  </a:lnTo>
                  <a:lnTo>
                    <a:pt x="30667" y="11288"/>
                  </a:lnTo>
                  <a:cubicBezTo>
                    <a:pt x="30671" y="11289"/>
                    <a:pt x="30674" y="11289"/>
                    <a:pt x="30677" y="11289"/>
                  </a:cubicBezTo>
                  <a:cubicBezTo>
                    <a:pt x="30707" y="11289"/>
                    <a:pt x="30734" y="11268"/>
                    <a:pt x="30740" y="11238"/>
                  </a:cubicBezTo>
                  <a:cubicBezTo>
                    <a:pt x="30746" y="11204"/>
                    <a:pt x="30723" y="11170"/>
                    <a:pt x="30689" y="11164"/>
                  </a:cubicBezTo>
                  <a:lnTo>
                    <a:pt x="30667" y="11160"/>
                  </a:lnTo>
                  <a:lnTo>
                    <a:pt x="30667" y="11160"/>
                  </a:lnTo>
                  <a:cubicBezTo>
                    <a:pt x="30671" y="11161"/>
                    <a:pt x="30675" y="11161"/>
                    <a:pt x="30678" y="11161"/>
                  </a:cubicBezTo>
                  <a:cubicBezTo>
                    <a:pt x="30708" y="11161"/>
                    <a:pt x="30734" y="11140"/>
                    <a:pt x="30740" y="11110"/>
                  </a:cubicBezTo>
                  <a:cubicBezTo>
                    <a:pt x="30746" y="11076"/>
                    <a:pt x="30723" y="11043"/>
                    <a:pt x="30689" y="11037"/>
                  </a:cubicBezTo>
                  <a:lnTo>
                    <a:pt x="30667" y="11033"/>
                  </a:lnTo>
                  <a:lnTo>
                    <a:pt x="30667" y="11033"/>
                  </a:lnTo>
                  <a:cubicBezTo>
                    <a:pt x="30670" y="11033"/>
                    <a:pt x="30674" y="11034"/>
                    <a:pt x="30677" y="11034"/>
                  </a:cubicBezTo>
                  <a:cubicBezTo>
                    <a:pt x="30707" y="11034"/>
                    <a:pt x="30734" y="11013"/>
                    <a:pt x="30740" y="10982"/>
                  </a:cubicBezTo>
                  <a:cubicBezTo>
                    <a:pt x="30746" y="10948"/>
                    <a:pt x="30723" y="10915"/>
                    <a:pt x="30689" y="10909"/>
                  </a:cubicBezTo>
                  <a:lnTo>
                    <a:pt x="30667" y="10905"/>
                  </a:lnTo>
                  <a:lnTo>
                    <a:pt x="30667" y="10905"/>
                  </a:lnTo>
                  <a:cubicBezTo>
                    <a:pt x="30670" y="10905"/>
                    <a:pt x="30674" y="10906"/>
                    <a:pt x="30677" y="10906"/>
                  </a:cubicBezTo>
                  <a:cubicBezTo>
                    <a:pt x="30706" y="10906"/>
                    <a:pt x="30733" y="10885"/>
                    <a:pt x="30738" y="10855"/>
                  </a:cubicBezTo>
                  <a:cubicBezTo>
                    <a:pt x="30746" y="10820"/>
                    <a:pt x="30723" y="10788"/>
                    <a:pt x="30689" y="10781"/>
                  </a:cubicBezTo>
                  <a:lnTo>
                    <a:pt x="30667" y="10777"/>
                  </a:lnTo>
                  <a:lnTo>
                    <a:pt x="30667" y="10777"/>
                  </a:lnTo>
                  <a:cubicBezTo>
                    <a:pt x="30671" y="10777"/>
                    <a:pt x="30675" y="10778"/>
                    <a:pt x="30678" y="10778"/>
                  </a:cubicBezTo>
                  <a:cubicBezTo>
                    <a:pt x="30707" y="10778"/>
                    <a:pt x="30733" y="10757"/>
                    <a:pt x="30738" y="10727"/>
                  </a:cubicBezTo>
                  <a:cubicBezTo>
                    <a:pt x="30746" y="10693"/>
                    <a:pt x="30723" y="10660"/>
                    <a:pt x="30688" y="10654"/>
                  </a:cubicBezTo>
                  <a:lnTo>
                    <a:pt x="30666" y="10649"/>
                  </a:lnTo>
                  <a:lnTo>
                    <a:pt x="30666" y="10649"/>
                  </a:lnTo>
                  <a:cubicBezTo>
                    <a:pt x="30669" y="10650"/>
                    <a:pt x="30673" y="10650"/>
                    <a:pt x="30676" y="10650"/>
                  </a:cubicBezTo>
                  <a:cubicBezTo>
                    <a:pt x="30706" y="10650"/>
                    <a:pt x="30733" y="10630"/>
                    <a:pt x="30738" y="10599"/>
                  </a:cubicBezTo>
                  <a:cubicBezTo>
                    <a:pt x="30745" y="10565"/>
                    <a:pt x="30723" y="10532"/>
                    <a:pt x="30688" y="10525"/>
                  </a:cubicBezTo>
                  <a:lnTo>
                    <a:pt x="30666" y="10521"/>
                  </a:lnTo>
                  <a:lnTo>
                    <a:pt x="30666" y="10521"/>
                  </a:lnTo>
                  <a:cubicBezTo>
                    <a:pt x="30670" y="10522"/>
                    <a:pt x="30674" y="10522"/>
                    <a:pt x="30677" y="10522"/>
                  </a:cubicBezTo>
                  <a:cubicBezTo>
                    <a:pt x="30707" y="10522"/>
                    <a:pt x="30733" y="10501"/>
                    <a:pt x="30738" y="10472"/>
                  </a:cubicBezTo>
                  <a:cubicBezTo>
                    <a:pt x="30745" y="10438"/>
                    <a:pt x="30722" y="10404"/>
                    <a:pt x="30688" y="10398"/>
                  </a:cubicBezTo>
                  <a:lnTo>
                    <a:pt x="30666" y="10394"/>
                  </a:lnTo>
                  <a:lnTo>
                    <a:pt x="30666" y="10394"/>
                  </a:lnTo>
                  <a:cubicBezTo>
                    <a:pt x="30669" y="10395"/>
                    <a:pt x="30673" y="10395"/>
                    <a:pt x="30676" y="10395"/>
                  </a:cubicBezTo>
                  <a:cubicBezTo>
                    <a:pt x="30706" y="10395"/>
                    <a:pt x="30733" y="10374"/>
                    <a:pt x="30738" y="10343"/>
                  </a:cubicBezTo>
                  <a:cubicBezTo>
                    <a:pt x="30745" y="10309"/>
                    <a:pt x="30722" y="10276"/>
                    <a:pt x="30688" y="10270"/>
                  </a:cubicBezTo>
                  <a:lnTo>
                    <a:pt x="30666" y="10266"/>
                  </a:lnTo>
                  <a:lnTo>
                    <a:pt x="30666" y="10266"/>
                  </a:lnTo>
                  <a:cubicBezTo>
                    <a:pt x="30669" y="10266"/>
                    <a:pt x="30673" y="10267"/>
                    <a:pt x="30676" y="10267"/>
                  </a:cubicBezTo>
                  <a:cubicBezTo>
                    <a:pt x="30706" y="10267"/>
                    <a:pt x="30733" y="10246"/>
                    <a:pt x="30738" y="10216"/>
                  </a:cubicBezTo>
                  <a:cubicBezTo>
                    <a:pt x="30745" y="10181"/>
                    <a:pt x="30722" y="10149"/>
                    <a:pt x="30688" y="10142"/>
                  </a:cubicBezTo>
                  <a:lnTo>
                    <a:pt x="30667" y="10139"/>
                  </a:lnTo>
                  <a:lnTo>
                    <a:pt x="30667" y="10139"/>
                  </a:lnTo>
                  <a:cubicBezTo>
                    <a:pt x="30670" y="10139"/>
                    <a:pt x="30673" y="10140"/>
                    <a:pt x="30676" y="10140"/>
                  </a:cubicBezTo>
                  <a:cubicBezTo>
                    <a:pt x="30706" y="10140"/>
                    <a:pt x="30733" y="10119"/>
                    <a:pt x="30738" y="10088"/>
                  </a:cubicBezTo>
                  <a:cubicBezTo>
                    <a:pt x="30745" y="10054"/>
                    <a:pt x="30722" y="10021"/>
                    <a:pt x="30688" y="10015"/>
                  </a:cubicBezTo>
                  <a:lnTo>
                    <a:pt x="30666" y="10011"/>
                  </a:lnTo>
                  <a:lnTo>
                    <a:pt x="30666" y="10011"/>
                  </a:lnTo>
                  <a:cubicBezTo>
                    <a:pt x="30669" y="10011"/>
                    <a:pt x="30673" y="10011"/>
                    <a:pt x="30676" y="10011"/>
                  </a:cubicBezTo>
                  <a:cubicBezTo>
                    <a:pt x="30706" y="10011"/>
                    <a:pt x="30733" y="9991"/>
                    <a:pt x="30738" y="9960"/>
                  </a:cubicBezTo>
                  <a:cubicBezTo>
                    <a:pt x="30745" y="9926"/>
                    <a:pt x="30722" y="9894"/>
                    <a:pt x="30688" y="9887"/>
                  </a:cubicBezTo>
                  <a:lnTo>
                    <a:pt x="30666" y="9882"/>
                  </a:lnTo>
                  <a:lnTo>
                    <a:pt x="30666" y="9882"/>
                  </a:lnTo>
                  <a:cubicBezTo>
                    <a:pt x="30669" y="9883"/>
                    <a:pt x="30673" y="9883"/>
                    <a:pt x="30676" y="9883"/>
                  </a:cubicBezTo>
                  <a:cubicBezTo>
                    <a:pt x="30705" y="9883"/>
                    <a:pt x="30733" y="9863"/>
                    <a:pt x="30738" y="9833"/>
                  </a:cubicBezTo>
                  <a:cubicBezTo>
                    <a:pt x="30745" y="9799"/>
                    <a:pt x="30722" y="9766"/>
                    <a:pt x="30688" y="9759"/>
                  </a:cubicBezTo>
                  <a:lnTo>
                    <a:pt x="30666" y="9755"/>
                  </a:lnTo>
                  <a:lnTo>
                    <a:pt x="30666" y="9755"/>
                  </a:lnTo>
                  <a:cubicBezTo>
                    <a:pt x="30669" y="9756"/>
                    <a:pt x="30673" y="9756"/>
                    <a:pt x="30676" y="9756"/>
                  </a:cubicBezTo>
                  <a:cubicBezTo>
                    <a:pt x="30705" y="9756"/>
                    <a:pt x="30732" y="9735"/>
                    <a:pt x="30737" y="9705"/>
                  </a:cubicBezTo>
                  <a:cubicBezTo>
                    <a:pt x="30745" y="9671"/>
                    <a:pt x="30722" y="9637"/>
                    <a:pt x="30688" y="9631"/>
                  </a:cubicBezTo>
                  <a:lnTo>
                    <a:pt x="30666" y="9627"/>
                  </a:lnTo>
                  <a:lnTo>
                    <a:pt x="30666" y="9627"/>
                  </a:lnTo>
                  <a:cubicBezTo>
                    <a:pt x="30669" y="9628"/>
                    <a:pt x="30673" y="9628"/>
                    <a:pt x="30676" y="9628"/>
                  </a:cubicBezTo>
                  <a:cubicBezTo>
                    <a:pt x="30705" y="9628"/>
                    <a:pt x="30732" y="9607"/>
                    <a:pt x="30737" y="9578"/>
                  </a:cubicBezTo>
                  <a:cubicBezTo>
                    <a:pt x="30745" y="9543"/>
                    <a:pt x="30722" y="9510"/>
                    <a:pt x="30687" y="9504"/>
                  </a:cubicBezTo>
                  <a:lnTo>
                    <a:pt x="30665" y="9500"/>
                  </a:lnTo>
                  <a:lnTo>
                    <a:pt x="30665" y="9500"/>
                  </a:lnTo>
                  <a:cubicBezTo>
                    <a:pt x="30668" y="9501"/>
                    <a:pt x="30672" y="9501"/>
                    <a:pt x="30675" y="9501"/>
                  </a:cubicBezTo>
                  <a:cubicBezTo>
                    <a:pt x="30705" y="9501"/>
                    <a:pt x="30732" y="9480"/>
                    <a:pt x="30737" y="9449"/>
                  </a:cubicBezTo>
                  <a:cubicBezTo>
                    <a:pt x="30744" y="9415"/>
                    <a:pt x="30722" y="9382"/>
                    <a:pt x="30687" y="9376"/>
                  </a:cubicBezTo>
                  <a:lnTo>
                    <a:pt x="30665" y="9372"/>
                  </a:lnTo>
                  <a:lnTo>
                    <a:pt x="30665" y="9372"/>
                  </a:lnTo>
                  <a:cubicBezTo>
                    <a:pt x="30668" y="9372"/>
                    <a:pt x="30672" y="9373"/>
                    <a:pt x="30675" y="9373"/>
                  </a:cubicBezTo>
                  <a:cubicBezTo>
                    <a:pt x="30705" y="9373"/>
                    <a:pt x="30732" y="9352"/>
                    <a:pt x="30737" y="9321"/>
                  </a:cubicBezTo>
                  <a:cubicBezTo>
                    <a:pt x="30744" y="9287"/>
                    <a:pt x="30721" y="9254"/>
                    <a:pt x="30687" y="9248"/>
                  </a:cubicBezTo>
                  <a:lnTo>
                    <a:pt x="30665" y="9244"/>
                  </a:lnTo>
                  <a:lnTo>
                    <a:pt x="30665" y="9244"/>
                  </a:lnTo>
                  <a:cubicBezTo>
                    <a:pt x="30669" y="9244"/>
                    <a:pt x="30673" y="9245"/>
                    <a:pt x="30676" y="9245"/>
                  </a:cubicBezTo>
                  <a:cubicBezTo>
                    <a:pt x="30706" y="9245"/>
                    <a:pt x="30732" y="9223"/>
                    <a:pt x="30737" y="9194"/>
                  </a:cubicBezTo>
                  <a:cubicBezTo>
                    <a:pt x="30744" y="9160"/>
                    <a:pt x="30721" y="9127"/>
                    <a:pt x="30687" y="9121"/>
                  </a:cubicBezTo>
                  <a:lnTo>
                    <a:pt x="30665" y="9117"/>
                  </a:lnTo>
                  <a:lnTo>
                    <a:pt x="30665" y="9117"/>
                  </a:lnTo>
                  <a:cubicBezTo>
                    <a:pt x="30668" y="9117"/>
                    <a:pt x="30672" y="9117"/>
                    <a:pt x="30675" y="9117"/>
                  </a:cubicBezTo>
                  <a:cubicBezTo>
                    <a:pt x="30705" y="9117"/>
                    <a:pt x="30732" y="9097"/>
                    <a:pt x="30737" y="9066"/>
                  </a:cubicBezTo>
                  <a:cubicBezTo>
                    <a:pt x="30744" y="9032"/>
                    <a:pt x="30721" y="8999"/>
                    <a:pt x="30687" y="8992"/>
                  </a:cubicBezTo>
                  <a:lnTo>
                    <a:pt x="30665" y="8988"/>
                  </a:lnTo>
                  <a:lnTo>
                    <a:pt x="30665" y="8988"/>
                  </a:lnTo>
                  <a:cubicBezTo>
                    <a:pt x="30668" y="8989"/>
                    <a:pt x="30672" y="8989"/>
                    <a:pt x="30675" y="8989"/>
                  </a:cubicBezTo>
                  <a:cubicBezTo>
                    <a:pt x="30705" y="8989"/>
                    <a:pt x="30732" y="8969"/>
                    <a:pt x="30737" y="8939"/>
                  </a:cubicBezTo>
                  <a:cubicBezTo>
                    <a:pt x="30744" y="8904"/>
                    <a:pt x="30721" y="8872"/>
                    <a:pt x="30687" y="8864"/>
                  </a:cubicBezTo>
                  <a:lnTo>
                    <a:pt x="30665" y="8860"/>
                  </a:lnTo>
                  <a:lnTo>
                    <a:pt x="30665" y="8860"/>
                  </a:lnTo>
                  <a:cubicBezTo>
                    <a:pt x="30669" y="8861"/>
                    <a:pt x="30673" y="8861"/>
                    <a:pt x="30676" y="8861"/>
                  </a:cubicBezTo>
                  <a:cubicBezTo>
                    <a:pt x="30705" y="8861"/>
                    <a:pt x="30732" y="8841"/>
                    <a:pt x="30736" y="8811"/>
                  </a:cubicBezTo>
                  <a:cubicBezTo>
                    <a:pt x="30744" y="8776"/>
                    <a:pt x="30721" y="8743"/>
                    <a:pt x="30687" y="8737"/>
                  </a:cubicBezTo>
                  <a:lnTo>
                    <a:pt x="30665" y="8733"/>
                  </a:lnTo>
                  <a:lnTo>
                    <a:pt x="30665" y="8733"/>
                  </a:lnTo>
                  <a:cubicBezTo>
                    <a:pt x="30668" y="8734"/>
                    <a:pt x="30672" y="8734"/>
                    <a:pt x="30675" y="8734"/>
                  </a:cubicBezTo>
                  <a:cubicBezTo>
                    <a:pt x="30704" y="8734"/>
                    <a:pt x="30731" y="8713"/>
                    <a:pt x="30736" y="8682"/>
                  </a:cubicBezTo>
                  <a:cubicBezTo>
                    <a:pt x="30744" y="8648"/>
                    <a:pt x="30721" y="8615"/>
                    <a:pt x="30686" y="8609"/>
                  </a:cubicBezTo>
                  <a:lnTo>
                    <a:pt x="30664" y="8605"/>
                  </a:lnTo>
                  <a:lnTo>
                    <a:pt x="30664" y="8605"/>
                  </a:lnTo>
                  <a:cubicBezTo>
                    <a:pt x="30667" y="8605"/>
                    <a:pt x="30671" y="8606"/>
                    <a:pt x="30674" y="8606"/>
                  </a:cubicBezTo>
                  <a:cubicBezTo>
                    <a:pt x="30704" y="8606"/>
                    <a:pt x="30731" y="8585"/>
                    <a:pt x="30736" y="8555"/>
                  </a:cubicBezTo>
                  <a:cubicBezTo>
                    <a:pt x="30743" y="8521"/>
                    <a:pt x="30721" y="8488"/>
                    <a:pt x="30686" y="8482"/>
                  </a:cubicBezTo>
                  <a:lnTo>
                    <a:pt x="30664" y="8478"/>
                  </a:lnTo>
                  <a:lnTo>
                    <a:pt x="30664" y="8478"/>
                  </a:lnTo>
                  <a:cubicBezTo>
                    <a:pt x="30667" y="8478"/>
                    <a:pt x="30671" y="8478"/>
                    <a:pt x="30674" y="8478"/>
                  </a:cubicBezTo>
                  <a:cubicBezTo>
                    <a:pt x="30704" y="8478"/>
                    <a:pt x="30731" y="8458"/>
                    <a:pt x="30736" y="8427"/>
                  </a:cubicBezTo>
                  <a:cubicBezTo>
                    <a:pt x="30743" y="8393"/>
                    <a:pt x="30720" y="8360"/>
                    <a:pt x="30686" y="8354"/>
                  </a:cubicBezTo>
                  <a:lnTo>
                    <a:pt x="30664" y="8350"/>
                  </a:lnTo>
                  <a:lnTo>
                    <a:pt x="30664" y="8350"/>
                  </a:lnTo>
                  <a:cubicBezTo>
                    <a:pt x="30667" y="8350"/>
                    <a:pt x="30671" y="8350"/>
                    <a:pt x="30674" y="8350"/>
                  </a:cubicBezTo>
                  <a:cubicBezTo>
                    <a:pt x="30704" y="8350"/>
                    <a:pt x="30731" y="8330"/>
                    <a:pt x="30736" y="8299"/>
                  </a:cubicBezTo>
                  <a:cubicBezTo>
                    <a:pt x="30743" y="8265"/>
                    <a:pt x="30720" y="8232"/>
                    <a:pt x="30686" y="8225"/>
                  </a:cubicBezTo>
                  <a:lnTo>
                    <a:pt x="30664" y="8221"/>
                  </a:lnTo>
                  <a:lnTo>
                    <a:pt x="30664" y="8221"/>
                  </a:lnTo>
                  <a:cubicBezTo>
                    <a:pt x="30668" y="8222"/>
                    <a:pt x="30672" y="8222"/>
                    <a:pt x="30676" y="8222"/>
                  </a:cubicBezTo>
                  <a:cubicBezTo>
                    <a:pt x="30705" y="8222"/>
                    <a:pt x="30731" y="8202"/>
                    <a:pt x="30736" y="8172"/>
                  </a:cubicBezTo>
                  <a:cubicBezTo>
                    <a:pt x="30743" y="8138"/>
                    <a:pt x="30720" y="8105"/>
                    <a:pt x="30686" y="8098"/>
                  </a:cubicBezTo>
                  <a:lnTo>
                    <a:pt x="30664" y="8094"/>
                  </a:lnTo>
                  <a:lnTo>
                    <a:pt x="30664" y="8094"/>
                  </a:lnTo>
                  <a:cubicBezTo>
                    <a:pt x="30667" y="8095"/>
                    <a:pt x="30671" y="8095"/>
                    <a:pt x="30674" y="8095"/>
                  </a:cubicBezTo>
                  <a:cubicBezTo>
                    <a:pt x="30704" y="8095"/>
                    <a:pt x="30731" y="8074"/>
                    <a:pt x="30736" y="8044"/>
                  </a:cubicBezTo>
                  <a:cubicBezTo>
                    <a:pt x="30743" y="8009"/>
                    <a:pt x="30720" y="7976"/>
                    <a:pt x="30686" y="7970"/>
                  </a:cubicBezTo>
                  <a:lnTo>
                    <a:pt x="30664" y="7966"/>
                  </a:lnTo>
                  <a:lnTo>
                    <a:pt x="30664" y="7966"/>
                  </a:lnTo>
                  <a:cubicBezTo>
                    <a:pt x="30667" y="7967"/>
                    <a:pt x="30671" y="7967"/>
                    <a:pt x="30674" y="7967"/>
                  </a:cubicBezTo>
                  <a:cubicBezTo>
                    <a:pt x="30703" y="7967"/>
                    <a:pt x="30731" y="7946"/>
                    <a:pt x="30736" y="7916"/>
                  </a:cubicBezTo>
                  <a:cubicBezTo>
                    <a:pt x="30743" y="7882"/>
                    <a:pt x="30720" y="7849"/>
                    <a:pt x="30686" y="7843"/>
                  </a:cubicBezTo>
                  <a:lnTo>
                    <a:pt x="30664" y="7839"/>
                  </a:lnTo>
                  <a:lnTo>
                    <a:pt x="30664" y="7839"/>
                  </a:lnTo>
                  <a:cubicBezTo>
                    <a:pt x="30667" y="7839"/>
                    <a:pt x="30670" y="7839"/>
                    <a:pt x="30672" y="7839"/>
                  </a:cubicBezTo>
                  <a:cubicBezTo>
                    <a:pt x="30686" y="7839"/>
                    <a:pt x="30699" y="7835"/>
                    <a:pt x="30711" y="7828"/>
                  </a:cubicBezTo>
                  <a:lnTo>
                    <a:pt x="30825" y="7828"/>
                  </a:lnTo>
                  <a:cubicBezTo>
                    <a:pt x="30825" y="7829"/>
                    <a:pt x="30824" y="7830"/>
                    <a:pt x="30824" y="7831"/>
                  </a:cubicBezTo>
                  <a:cubicBezTo>
                    <a:pt x="30817" y="7865"/>
                    <a:pt x="30840" y="7898"/>
                    <a:pt x="30874" y="7904"/>
                  </a:cubicBezTo>
                  <a:lnTo>
                    <a:pt x="30896" y="7908"/>
                  </a:lnTo>
                  <a:cubicBezTo>
                    <a:pt x="30892" y="7908"/>
                    <a:pt x="30889" y="7907"/>
                    <a:pt x="30886" y="7907"/>
                  </a:cubicBezTo>
                  <a:cubicBezTo>
                    <a:pt x="30856" y="7907"/>
                    <a:pt x="30830" y="7928"/>
                    <a:pt x="30823" y="7958"/>
                  </a:cubicBezTo>
                  <a:cubicBezTo>
                    <a:pt x="30818" y="7986"/>
                    <a:pt x="30835" y="8008"/>
                    <a:pt x="30858" y="8022"/>
                  </a:cubicBezTo>
                  <a:cubicBezTo>
                    <a:pt x="30834" y="8031"/>
                    <a:pt x="30814" y="8052"/>
                    <a:pt x="30815" y="8080"/>
                  </a:cubicBezTo>
                  <a:cubicBezTo>
                    <a:pt x="30817" y="8114"/>
                    <a:pt x="30846" y="8133"/>
                    <a:pt x="30875" y="8152"/>
                  </a:cubicBezTo>
                  <a:lnTo>
                    <a:pt x="30891" y="8158"/>
                  </a:lnTo>
                  <a:cubicBezTo>
                    <a:pt x="30940" y="8183"/>
                    <a:pt x="30988" y="8189"/>
                    <a:pt x="31039" y="8189"/>
                  </a:cubicBezTo>
                  <a:cubicBezTo>
                    <a:pt x="31056" y="8189"/>
                    <a:pt x="31074" y="8188"/>
                    <a:pt x="31092" y="8187"/>
                  </a:cubicBezTo>
                  <a:cubicBezTo>
                    <a:pt x="31099" y="8187"/>
                    <a:pt x="31105" y="8187"/>
                    <a:pt x="31112" y="8186"/>
                  </a:cubicBezTo>
                  <a:cubicBezTo>
                    <a:pt x="31178" y="8183"/>
                    <a:pt x="31245" y="8170"/>
                    <a:pt x="31302" y="8137"/>
                  </a:cubicBezTo>
                  <a:lnTo>
                    <a:pt x="31319" y="8126"/>
                  </a:lnTo>
                  <a:cubicBezTo>
                    <a:pt x="31333" y="8116"/>
                    <a:pt x="31342" y="8109"/>
                    <a:pt x="31349" y="8102"/>
                  </a:cubicBezTo>
                  <a:cubicBezTo>
                    <a:pt x="31351" y="8101"/>
                    <a:pt x="31352" y="8099"/>
                    <a:pt x="31354" y="8098"/>
                  </a:cubicBezTo>
                  <a:cubicBezTo>
                    <a:pt x="31368" y="8086"/>
                    <a:pt x="31372" y="8078"/>
                    <a:pt x="31375" y="8064"/>
                  </a:cubicBezTo>
                  <a:cubicBezTo>
                    <a:pt x="31376" y="8063"/>
                    <a:pt x="31377" y="8063"/>
                    <a:pt x="31377" y="8061"/>
                  </a:cubicBezTo>
                  <a:cubicBezTo>
                    <a:pt x="31378" y="8060"/>
                    <a:pt x="31377" y="8059"/>
                    <a:pt x="31377" y="8058"/>
                  </a:cubicBezTo>
                  <a:cubicBezTo>
                    <a:pt x="31377" y="8056"/>
                    <a:pt x="31378" y="8055"/>
                    <a:pt x="31378" y="8053"/>
                  </a:cubicBezTo>
                  <a:cubicBezTo>
                    <a:pt x="31378" y="8049"/>
                    <a:pt x="31374" y="8047"/>
                    <a:pt x="31374" y="8043"/>
                  </a:cubicBezTo>
                  <a:cubicBezTo>
                    <a:pt x="31370" y="8017"/>
                    <a:pt x="31355" y="7993"/>
                    <a:pt x="31328" y="7988"/>
                  </a:cubicBezTo>
                  <a:lnTo>
                    <a:pt x="31306" y="7984"/>
                  </a:lnTo>
                  <a:lnTo>
                    <a:pt x="31306" y="7984"/>
                  </a:lnTo>
                  <a:cubicBezTo>
                    <a:pt x="31309" y="7984"/>
                    <a:pt x="31313" y="7984"/>
                    <a:pt x="31316" y="7984"/>
                  </a:cubicBezTo>
                  <a:cubicBezTo>
                    <a:pt x="31345" y="7984"/>
                    <a:pt x="31372" y="7964"/>
                    <a:pt x="31377" y="7934"/>
                  </a:cubicBezTo>
                  <a:cubicBezTo>
                    <a:pt x="31385" y="7900"/>
                    <a:pt x="31362" y="7867"/>
                    <a:pt x="31328" y="7860"/>
                  </a:cubicBezTo>
                  <a:lnTo>
                    <a:pt x="31306" y="7856"/>
                  </a:lnTo>
                  <a:lnTo>
                    <a:pt x="31306" y="7856"/>
                  </a:lnTo>
                  <a:cubicBezTo>
                    <a:pt x="31308" y="7857"/>
                    <a:pt x="31311" y="7857"/>
                    <a:pt x="31313" y="7857"/>
                  </a:cubicBezTo>
                  <a:cubicBezTo>
                    <a:pt x="31335" y="7857"/>
                    <a:pt x="31352" y="7844"/>
                    <a:pt x="31364" y="7828"/>
                  </a:cubicBezTo>
                  <a:lnTo>
                    <a:pt x="31488" y="7828"/>
                  </a:lnTo>
                  <a:cubicBezTo>
                    <a:pt x="31487" y="7829"/>
                    <a:pt x="31486" y="7830"/>
                    <a:pt x="31486" y="7831"/>
                  </a:cubicBezTo>
                  <a:cubicBezTo>
                    <a:pt x="31480" y="7865"/>
                    <a:pt x="31501" y="7898"/>
                    <a:pt x="31536" y="7904"/>
                  </a:cubicBezTo>
                  <a:lnTo>
                    <a:pt x="31558" y="7908"/>
                  </a:lnTo>
                  <a:cubicBezTo>
                    <a:pt x="31555" y="7908"/>
                    <a:pt x="31551" y="7907"/>
                    <a:pt x="31548" y="7907"/>
                  </a:cubicBezTo>
                  <a:cubicBezTo>
                    <a:pt x="31518" y="7907"/>
                    <a:pt x="31491" y="7928"/>
                    <a:pt x="31486" y="7958"/>
                  </a:cubicBezTo>
                  <a:cubicBezTo>
                    <a:pt x="31481" y="7986"/>
                    <a:pt x="31497" y="8008"/>
                    <a:pt x="31520" y="8021"/>
                  </a:cubicBezTo>
                  <a:cubicBezTo>
                    <a:pt x="31495" y="8031"/>
                    <a:pt x="31475" y="8051"/>
                    <a:pt x="31478" y="8079"/>
                  </a:cubicBezTo>
                  <a:cubicBezTo>
                    <a:pt x="31479" y="8114"/>
                    <a:pt x="31508" y="8133"/>
                    <a:pt x="31538" y="8152"/>
                  </a:cubicBezTo>
                  <a:lnTo>
                    <a:pt x="31553" y="8158"/>
                  </a:lnTo>
                  <a:cubicBezTo>
                    <a:pt x="31602" y="8183"/>
                    <a:pt x="31649" y="8189"/>
                    <a:pt x="31701" y="8189"/>
                  </a:cubicBezTo>
                  <a:cubicBezTo>
                    <a:pt x="31718" y="8189"/>
                    <a:pt x="31736" y="8188"/>
                    <a:pt x="31755" y="8187"/>
                  </a:cubicBezTo>
                  <a:cubicBezTo>
                    <a:pt x="31761" y="8187"/>
                    <a:pt x="31767" y="8186"/>
                    <a:pt x="31773" y="8186"/>
                  </a:cubicBezTo>
                  <a:cubicBezTo>
                    <a:pt x="31840" y="8183"/>
                    <a:pt x="31907" y="8170"/>
                    <a:pt x="31964" y="8137"/>
                  </a:cubicBezTo>
                  <a:lnTo>
                    <a:pt x="31982" y="8126"/>
                  </a:lnTo>
                  <a:cubicBezTo>
                    <a:pt x="31994" y="8116"/>
                    <a:pt x="32005" y="8109"/>
                    <a:pt x="32012" y="8102"/>
                  </a:cubicBezTo>
                  <a:cubicBezTo>
                    <a:pt x="32013" y="8101"/>
                    <a:pt x="32014" y="8099"/>
                    <a:pt x="32016" y="8098"/>
                  </a:cubicBezTo>
                  <a:cubicBezTo>
                    <a:pt x="32030" y="8086"/>
                    <a:pt x="32035" y="8078"/>
                    <a:pt x="32038" y="8064"/>
                  </a:cubicBezTo>
                  <a:cubicBezTo>
                    <a:pt x="32038" y="8063"/>
                    <a:pt x="32040" y="8063"/>
                    <a:pt x="32040" y="8061"/>
                  </a:cubicBezTo>
                  <a:cubicBezTo>
                    <a:pt x="32040" y="8060"/>
                    <a:pt x="32039" y="8059"/>
                    <a:pt x="32039" y="8058"/>
                  </a:cubicBezTo>
                  <a:cubicBezTo>
                    <a:pt x="32040" y="8056"/>
                    <a:pt x="32040" y="8055"/>
                    <a:pt x="32041" y="8053"/>
                  </a:cubicBezTo>
                  <a:cubicBezTo>
                    <a:pt x="32040" y="8049"/>
                    <a:pt x="32037" y="8047"/>
                    <a:pt x="32036" y="8043"/>
                  </a:cubicBezTo>
                  <a:cubicBezTo>
                    <a:pt x="32033" y="8017"/>
                    <a:pt x="32017" y="7993"/>
                    <a:pt x="31989" y="7988"/>
                  </a:cubicBezTo>
                  <a:lnTo>
                    <a:pt x="31968" y="7984"/>
                  </a:lnTo>
                  <a:lnTo>
                    <a:pt x="31968" y="7984"/>
                  </a:lnTo>
                  <a:cubicBezTo>
                    <a:pt x="31971" y="7984"/>
                    <a:pt x="31974" y="7984"/>
                    <a:pt x="31978" y="7984"/>
                  </a:cubicBezTo>
                  <a:cubicBezTo>
                    <a:pt x="32008" y="7984"/>
                    <a:pt x="32034" y="7964"/>
                    <a:pt x="32040" y="7934"/>
                  </a:cubicBezTo>
                  <a:cubicBezTo>
                    <a:pt x="32046" y="7900"/>
                    <a:pt x="32023" y="7867"/>
                    <a:pt x="31989" y="7860"/>
                  </a:cubicBezTo>
                  <a:lnTo>
                    <a:pt x="31969" y="7856"/>
                  </a:lnTo>
                  <a:lnTo>
                    <a:pt x="31969" y="7856"/>
                  </a:lnTo>
                  <a:cubicBezTo>
                    <a:pt x="31971" y="7857"/>
                    <a:pt x="31973" y="7857"/>
                    <a:pt x="31975" y="7857"/>
                  </a:cubicBezTo>
                  <a:cubicBezTo>
                    <a:pt x="31996" y="7857"/>
                    <a:pt x="32014" y="7844"/>
                    <a:pt x="32026" y="7828"/>
                  </a:cubicBezTo>
                  <a:lnTo>
                    <a:pt x="32149" y="7828"/>
                  </a:lnTo>
                  <a:cubicBezTo>
                    <a:pt x="32149" y="7829"/>
                    <a:pt x="32148" y="7830"/>
                    <a:pt x="32147" y="7831"/>
                  </a:cubicBezTo>
                  <a:cubicBezTo>
                    <a:pt x="32141" y="7865"/>
                    <a:pt x="32164" y="7898"/>
                    <a:pt x="32198" y="7904"/>
                  </a:cubicBezTo>
                  <a:lnTo>
                    <a:pt x="32220" y="7908"/>
                  </a:lnTo>
                  <a:cubicBezTo>
                    <a:pt x="32216" y="7908"/>
                    <a:pt x="32213" y="7907"/>
                    <a:pt x="32210" y="7907"/>
                  </a:cubicBezTo>
                  <a:cubicBezTo>
                    <a:pt x="32180" y="7907"/>
                    <a:pt x="32153" y="7928"/>
                    <a:pt x="32147" y="7958"/>
                  </a:cubicBezTo>
                  <a:cubicBezTo>
                    <a:pt x="32142" y="7986"/>
                    <a:pt x="32159" y="8008"/>
                    <a:pt x="32183" y="8021"/>
                  </a:cubicBezTo>
                  <a:cubicBezTo>
                    <a:pt x="32158" y="8031"/>
                    <a:pt x="32138" y="8051"/>
                    <a:pt x="32139" y="8079"/>
                  </a:cubicBezTo>
                  <a:cubicBezTo>
                    <a:pt x="32141" y="8114"/>
                    <a:pt x="32169" y="8133"/>
                    <a:pt x="32199" y="8152"/>
                  </a:cubicBezTo>
                  <a:lnTo>
                    <a:pt x="32215" y="8158"/>
                  </a:lnTo>
                  <a:cubicBezTo>
                    <a:pt x="32264" y="8183"/>
                    <a:pt x="32312" y="8189"/>
                    <a:pt x="32363" y="8189"/>
                  </a:cubicBezTo>
                  <a:cubicBezTo>
                    <a:pt x="32380" y="8189"/>
                    <a:pt x="32398" y="8188"/>
                    <a:pt x="32416" y="8187"/>
                  </a:cubicBezTo>
                  <a:cubicBezTo>
                    <a:pt x="32423" y="8187"/>
                    <a:pt x="32430" y="8186"/>
                    <a:pt x="32436" y="8186"/>
                  </a:cubicBezTo>
                  <a:cubicBezTo>
                    <a:pt x="32502" y="8183"/>
                    <a:pt x="32568" y="8170"/>
                    <a:pt x="32626" y="8137"/>
                  </a:cubicBezTo>
                  <a:lnTo>
                    <a:pt x="32644" y="8126"/>
                  </a:lnTo>
                  <a:cubicBezTo>
                    <a:pt x="32657" y="8116"/>
                    <a:pt x="32666" y="8109"/>
                    <a:pt x="32674" y="8102"/>
                  </a:cubicBezTo>
                  <a:cubicBezTo>
                    <a:pt x="32676" y="8101"/>
                    <a:pt x="32676" y="8099"/>
                    <a:pt x="32678" y="8098"/>
                  </a:cubicBezTo>
                  <a:cubicBezTo>
                    <a:pt x="32692" y="8086"/>
                    <a:pt x="32696" y="8078"/>
                    <a:pt x="32699" y="8064"/>
                  </a:cubicBezTo>
                  <a:cubicBezTo>
                    <a:pt x="32700" y="8063"/>
                    <a:pt x="32701" y="8063"/>
                    <a:pt x="32701" y="8061"/>
                  </a:cubicBezTo>
                  <a:cubicBezTo>
                    <a:pt x="32701" y="8060"/>
                    <a:pt x="32700" y="8059"/>
                    <a:pt x="32701" y="8058"/>
                  </a:cubicBezTo>
                  <a:cubicBezTo>
                    <a:pt x="32701" y="8056"/>
                    <a:pt x="32701" y="8055"/>
                    <a:pt x="32702" y="8053"/>
                  </a:cubicBezTo>
                  <a:cubicBezTo>
                    <a:pt x="32702" y="8049"/>
                    <a:pt x="32698" y="8047"/>
                    <a:pt x="32697" y="8043"/>
                  </a:cubicBezTo>
                  <a:cubicBezTo>
                    <a:pt x="32694" y="8017"/>
                    <a:pt x="32679" y="7993"/>
                    <a:pt x="32651" y="7988"/>
                  </a:cubicBezTo>
                  <a:lnTo>
                    <a:pt x="32629" y="7984"/>
                  </a:lnTo>
                  <a:lnTo>
                    <a:pt x="32629" y="7984"/>
                  </a:lnTo>
                  <a:cubicBezTo>
                    <a:pt x="32632" y="7984"/>
                    <a:pt x="32636" y="7984"/>
                    <a:pt x="32639" y="7984"/>
                  </a:cubicBezTo>
                  <a:cubicBezTo>
                    <a:pt x="32669" y="7984"/>
                    <a:pt x="32696" y="7964"/>
                    <a:pt x="32701" y="7934"/>
                  </a:cubicBezTo>
                  <a:cubicBezTo>
                    <a:pt x="32708" y="7900"/>
                    <a:pt x="32685" y="7867"/>
                    <a:pt x="32651" y="7860"/>
                  </a:cubicBezTo>
                  <a:lnTo>
                    <a:pt x="32630" y="7856"/>
                  </a:lnTo>
                  <a:lnTo>
                    <a:pt x="32630" y="7856"/>
                  </a:lnTo>
                  <a:cubicBezTo>
                    <a:pt x="32633" y="7857"/>
                    <a:pt x="32635" y="7857"/>
                    <a:pt x="32637" y="7857"/>
                  </a:cubicBezTo>
                  <a:cubicBezTo>
                    <a:pt x="32658" y="7857"/>
                    <a:pt x="32676" y="7845"/>
                    <a:pt x="32688" y="7828"/>
                  </a:cubicBezTo>
                  <a:lnTo>
                    <a:pt x="32811" y="7828"/>
                  </a:lnTo>
                  <a:cubicBezTo>
                    <a:pt x="32811" y="7829"/>
                    <a:pt x="32810" y="7830"/>
                    <a:pt x="32809" y="7831"/>
                  </a:cubicBezTo>
                  <a:cubicBezTo>
                    <a:pt x="32803" y="7865"/>
                    <a:pt x="32825" y="7898"/>
                    <a:pt x="32860" y="7904"/>
                  </a:cubicBezTo>
                  <a:lnTo>
                    <a:pt x="32881" y="7908"/>
                  </a:lnTo>
                  <a:cubicBezTo>
                    <a:pt x="32878" y="7908"/>
                    <a:pt x="32875" y="7907"/>
                    <a:pt x="32871" y="7907"/>
                  </a:cubicBezTo>
                  <a:cubicBezTo>
                    <a:pt x="32841" y="7907"/>
                    <a:pt x="32815" y="7928"/>
                    <a:pt x="32809" y="7958"/>
                  </a:cubicBezTo>
                  <a:cubicBezTo>
                    <a:pt x="32804" y="7986"/>
                    <a:pt x="32820" y="8008"/>
                    <a:pt x="32844" y="8022"/>
                  </a:cubicBezTo>
                  <a:cubicBezTo>
                    <a:pt x="32819" y="8031"/>
                    <a:pt x="32800" y="8052"/>
                    <a:pt x="32801" y="8080"/>
                  </a:cubicBezTo>
                  <a:cubicBezTo>
                    <a:pt x="32803" y="8114"/>
                    <a:pt x="32831" y="8133"/>
                    <a:pt x="32861" y="8152"/>
                  </a:cubicBezTo>
                  <a:lnTo>
                    <a:pt x="32876" y="8158"/>
                  </a:lnTo>
                  <a:cubicBezTo>
                    <a:pt x="32926" y="8183"/>
                    <a:pt x="32973" y="8189"/>
                    <a:pt x="33024" y="8189"/>
                  </a:cubicBezTo>
                  <a:cubicBezTo>
                    <a:pt x="33041" y="8189"/>
                    <a:pt x="33059" y="8188"/>
                    <a:pt x="33078" y="8187"/>
                  </a:cubicBezTo>
                  <a:cubicBezTo>
                    <a:pt x="33085" y="8187"/>
                    <a:pt x="33091" y="8187"/>
                    <a:pt x="33097" y="8186"/>
                  </a:cubicBezTo>
                  <a:cubicBezTo>
                    <a:pt x="33163" y="8183"/>
                    <a:pt x="33231" y="8170"/>
                    <a:pt x="33288" y="8138"/>
                  </a:cubicBezTo>
                  <a:lnTo>
                    <a:pt x="33305" y="8126"/>
                  </a:lnTo>
                  <a:cubicBezTo>
                    <a:pt x="33319" y="8116"/>
                    <a:pt x="33328" y="8109"/>
                    <a:pt x="33335" y="8102"/>
                  </a:cubicBezTo>
                  <a:cubicBezTo>
                    <a:pt x="33337" y="8101"/>
                    <a:pt x="33338" y="8099"/>
                    <a:pt x="33339" y="8098"/>
                  </a:cubicBezTo>
                  <a:cubicBezTo>
                    <a:pt x="33354" y="8086"/>
                    <a:pt x="33358" y="8078"/>
                    <a:pt x="33361" y="8065"/>
                  </a:cubicBezTo>
                  <a:cubicBezTo>
                    <a:pt x="33362" y="8063"/>
                    <a:pt x="33363" y="8063"/>
                    <a:pt x="33363" y="8061"/>
                  </a:cubicBezTo>
                  <a:cubicBezTo>
                    <a:pt x="33364" y="8060"/>
                    <a:pt x="33363" y="8059"/>
                    <a:pt x="33363" y="8058"/>
                  </a:cubicBezTo>
                  <a:cubicBezTo>
                    <a:pt x="33363" y="8056"/>
                    <a:pt x="33364" y="8055"/>
                    <a:pt x="33364" y="8053"/>
                  </a:cubicBezTo>
                  <a:cubicBezTo>
                    <a:pt x="33364" y="8049"/>
                    <a:pt x="33360" y="8047"/>
                    <a:pt x="33360" y="8043"/>
                  </a:cubicBezTo>
                  <a:cubicBezTo>
                    <a:pt x="33356" y="8017"/>
                    <a:pt x="33340" y="7993"/>
                    <a:pt x="33313" y="7988"/>
                  </a:cubicBezTo>
                  <a:lnTo>
                    <a:pt x="33292" y="7984"/>
                  </a:lnTo>
                  <a:lnTo>
                    <a:pt x="33292" y="7984"/>
                  </a:lnTo>
                  <a:cubicBezTo>
                    <a:pt x="33295" y="7984"/>
                    <a:pt x="33298" y="7984"/>
                    <a:pt x="33301" y="7984"/>
                  </a:cubicBezTo>
                  <a:cubicBezTo>
                    <a:pt x="33331" y="7984"/>
                    <a:pt x="33358" y="7964"/>
                    <a:pt x="33364" y="7934"/>
                  </a:cubicBezTo>
                  <a:cubicBezTo>
                    <a:pt x="33370" y="7900"/>
                    <a:pt x="33347" y="7867"/>
                    <a:pt x="33313" y="7860"/>
                  </a:cubicBezTo>
                  <a:lnTo>
                    <a:pt x="33292" y="7856"/>
                  </a:lnTo>
                  <a:lnTo>
                    <a:pt x="33292" y="7856"/>
                  </a:lnTo>
                  <a:cubicBezTo>
                    <a:pt x="33294" y="7857"/>
                    <a:pt x="33296" y="7857"/>
                    <a:pt x="33299" y="7857"/>
                  </a:cubicBezTo>
                  <a:cubicBezTo>
                    <a:pt x="33320" y="7857"/>
                    <a:pt x="33337" y="7844"/>
                    <a:pt x="33350" y="7828"/>
                  </a:cubicBezTo>
                  <a:lnTo>
                    <a:pt x="33474" y="7828"/>
                  </a:lnTo>
                  <a:cubicBezTo>
                    <a:pt x="33473" y="7829"/>
                    <a:pt x="33472" y="7830"/>
                    <a:pt x="33472" y="7831"/>
                  </a:cubicBezTo>
                  <a:cubicBezTo>
                    <a:pt x="33465" y="7865"/>
                    <a:pt x="33488" y="7898"/>
                    <a:pt x="33522" y="7904"/>
                  </a:cubicBezTo>
                  <a:lnTo>
                    <a:pt x="33544" y="7908"/>
                  </a:lnTo>
                  <a:cubicBezTo>
                    <a:pt x="33541" y="7908"/>
                    <a:pt x="33537" y="7907"/>
                    <a:pt x="33534" y="7907"/>
                  </a:cubicBezTo>
                  <a:cubicBezTo>
                    <a:pt x="33504" y="7907"/>
                    <a:pt x="33477" y="7928"/>
                    <a:pt x="33472" y="7958"/>
                  </a:cubicBezTo>
                  <a:cubicBezTo>
                    <a:pt x="33466" y="7986"/>
                    <a:pt x="33483" y="8008"/>
                    <a:pt x="33506" y="8021"/>
                  </a:cubicBezTo>
                  <a:cubicBezTo>
                    <a:pt x="33481" y="8031"/>
                    <a:pt x="33461" y="8051"/>
                    <a:pt x="33463" y="8079"/>
                  </a:cubicBezTo>
                  <a:cubicBezTo>
                    <a:pt x="33464" y="8114"/>
                    <a:pt x="33493" y="8133"/>
                    <a:pt x="33523" y="8152"/>
                  </a:cubicBezTo>
                  <a:lnTo>
                    <a:pt x="33539" y="8158"/>
                  </a:lnTo>
                  <a:cubicBezTo>
                    <a:pt x="33587" y="8183"/>
                    <a:pt x="33635" y="8189"/>
                    <a:pt x="33686" y="8189"/>
                  </a:cubicBezTo>
                  <a:cubicBezTo>
                    <a:pt x="33704" y="8189"/>
                    <a:pt x="33722" y="8188"/>
                    <a:pt x="33740" y="8187"/>
                  </a:cubicBezTo>
                  <a:cubicBezTo>
                    <a:pt x="33746" y="8187"/>
                    <a:pt x="33753" y="8186"/>
                    <a:pt x="33759" y="8186"/>
                  </a:cubicBezTo>
                  <a:cubicBezTo>
                    <a:pt x="33826" y="8183"/>
                    <a:pt x="33892" y="8170"/>
                    <a:pt x="33950" y="8137"/>
                  </a:cubicBezTo>
                  <a:lnTo>
                    <a:pt x="33968" y="8126"/>
                  </a:lnTo>
                  <a:cubicBezTo>
                    <a:pt x="33980" y="8116"/>
                    <a:pt x="33990" y="8109"/>
                    <a:pt x="33998" y="8102"/>
                  </a:cubicBezTo>
                  <a:cubicBezTo>
                    <a:pt x="33999" y="8101"/>
                    <a:pt x="34000" y="8099"/>
                    <a:pt x="34002" y="8098"/>
                  </a:cubicBezTo>
                  <a:cubicBezTo>
                    <a:pt x="34015" y="8086"/>
                    <a:pt x="34020" y="8078"/>
                    <a:pt x="34024" y="8064"/>
                  </a:cubicBezTo>
                  <a:cubicBezTo>
                    <a:pt x="34024" y="8063"/>
                    <a:pt x="34026" y="8063"/>
                    <a:pt x="34026" y="8061"/>
                  </a:cubicBezTo>
                  <a:cubicBezTo>
                    <a:pt x="34026" y="8060"/>
                    <a:pt x="34025" y="8059"/>
                    <a:pt x="34025" y="8058"/>
                  </a:cubicBezTo>
                  <a:cubicBezTo>
                    <a:pt x="34026" y="8056"/>
                    <a:pt x="34026" y="8055"/>
                    <a:pt x="34027" y="8053"/>
                  </a:cubicBezTo>
                  <a:cubicBezTo>
                    <a:pt x="34026" y="8049"/>
                    <a:pt x="34022" y="8047"/>
                    <a:pt x="34021" y="8043"/>
                  </a:cubicBezTo>
                  <a:cubicBezTo>
                    <a:pt x="34018" y="8017"/>
                    <a:pt x="34003" y="7993"/>
                    <a:pt x="33975" y="7988"/>
                  </a:cubicBezTo>
                  <a:lnTo>
                    <a:pt x="33953" y="7984"/>
                  </a:lnTo>
                  <a:lnTo>
                    <a:pt x="33953" y="7984"/>
                  </a:lnTo>
                  <a:cubicBezTo>
                    <a:pt x="33957" y="7984"/>
                    <a:pt x="33960" y="7984"/>
                    <a:pt x="33963" y="7984"/>
                  </a:cubicBezTo>
                  <a:cubicBezTo>
                    <a:pt x="33993" y="7984"/>
                    <a:pt x="34020" y="7964"/>
                    <a:pt x="34026" y="7934"/>
                  </a:cubicBezTo>
                  <a:cubicBezTo>
                    <a:pt x="34032" y="7900"/>
                    <a:pt x="34009" y="7867"/>
                    <a:pt x="33975" y="7860"/>
                  </a:cubicBezTo>
                  <a:lnTo>
                    <a:pt x="33953" y="7856"/>
                  </a:lnTo>
                  <a:lnTo>
                    <a:pt x="33953" y="7856"/>
                  </a:lnTo>
                  <a:cubicBezTo>
                    <a:pt x="33956" y="7857"/>
                    <a:pt x="33958" y="7857"/>
                    <a:pt x="33961" y="7857"/>
                  </a:cubicBezTo>
                  <a:cubicBezTo>
                    <a:pt x="33982" y="7857"/>
                    <a:pt x="33999" y="7845"/>
                    <a:pt x="34011" y="7828"/>
                  </a:cubicBezTo>
                  <a:lnTo>
                    <a:pt x="34135" y="7828"/>
                  </a:lnTo>
                  <a:cubicBezTo>
                    <a:pt x="34135" y="7829"/>
                    <a:pt x="34133" y="7830"/>
                    <a:pt x="34133" y="7831"/>
                  </a:cubicBezTo>
                  <a:cubicBezTo>
                    <a:pt x="34127" y="7865"/>
                    <a:pt x="34150" y="7898"/>
                    <a:pt x="34184" y="7904"/>
                  </a:cubicBezTo>
                  <a:lnTo>
                    <a:pt x="34205" y="7908"/>
                  </a:lnTo>
                  <a:cubicBezTo>
                    <a:pt x="34202" y="7908"/>
                    <a:pt x="34199" y="7907"/>
                    <a:pt x="34195" y="7907"/>
                  </a:cubicBezTo>
                  <a:cubicBezTo>
                    <a:pt x="34165" y="7907"/>
                    <a:pt x="34139" y="7928"/>
                    <a:pt x="34133" y="7958"/>
                  </a:cubicBezTo>
                  <a:cubicBezTo>
                    <a:pt x="34128" y="7986"/>
                    <a:pt x="34144" y="8008"/>
                    <a:pt x="34168" y="8022"/>
                  </a:cubicBezTo>
                  <a:cubicBezTo>
                    <a:pt x="34143" y="8031"/>
                    <a:pt x="34124" y="8052"/>
                    <a:pt x="34125" y="8080"/>
                  </a:cubicBezTo>
                  <a:cubicBezTo>
                    <a:pt x="34127" y="8114"/>
                    <a:pt x="34155" y="8133"/>
                    <a:pt x="34185" y="8152"/>
                  </a:cubicBezTo>
                  <a:lnTo>
                    <a:pt x="34200" y="8158"/>
                  </a:lnTo>
                  <a:cubicBezTo>
                    <a:pt x="34249" y="8183"/>
                    <a:pt x="34296" y="8189"/>
                    <a:pt x="34348" y="8189"/>
                  </a:cubicBezTo>
                  <a:cubicBezTo>
                    <a:pt x="34365" y="8189"/>
                    <a:pt x="34383" y="8188"/>
                    <a:pt x="34402" y="8187"/>
                  </a:cubicBezTo>
                  <a:cubicBezTo>
                    <a:pt x="34408" y="8187"/>
                    <a:pt x="34415" y="8187"/>
                    <a:pt x="34421" y="8186"/>
                  </a:cubicBezTo>
                  <a:cubicBezTo>
                    <a:pt x="34488" y="8183"/>
                    <a:pt x="34554" y="8170"/>
                    <a:pt x="34612" y="8138"/>
                  </a:cubicBezTo>
                  <a:lnTo>
                    <a:pt x="34629" y="8126"/>
                  </a:lnTo>
                  <a:cubicBezTo>
                    <a:pt x="34643" y="8116"/>
                    <a:pt x="34652" y="8109"/>
                    <a:pt x="34659" y="8102"/>
                  </a:cubicBezTo>
                  <a:cubicBezTo>
                    <a:pt x="34661" y="8101"/>
                    <a:pt x="34662" y="8099"/>
                    <a:pt x="34663" y="8098"/>
                  </a:cubicBezTo>
                  <a:cubicBezTo>
                    <a:pt x="34678" y="8086"/>
                    <a:pt x="34682" y="8078"/>
                    <a:pt x="34685" y="8064"/>
                  </a:cubicBezTo>
                  <a:cubicBezTo>
                    <a:pt x="34686" y="8063"/>
                    <a:pt x="34687" y="8063"/>
                    <a:pt x="34687" y="8061"/>
                  </a:cubicBezTo>
                  <a:cubicBezTo>
                    <a:pt x="34688" y="8060"/>
                    <a:pt x="34687" y="8059"/>
                    <a:pt x="34687" y="8058"/>
                  </a:cubicBezTo>
                  <a:cubicBezTo>
                    <a:pt x="34687" y="8056"/>
                    <a:pt x="34687" y="8055"/>
                    <a:pt x="34688" y="8052"/>
                  </a:cubicBezTo>
                  <a:cubicBezTo>
                    <a:pt x="34688" y="8049"/>
                    <a:pt x="34684" y="8046"/>
                    <a:pt x="34683" y="8043"/>
                  </a:cubicBezTo>
                  <a:cubicBezTo>
                    <a:pt x="34680" y="8017"/>
                    <a:pt x="34664" y="7993"/>
                    <a:pt x="34636" y="7988"/>
                  </a:cubicBezTo>
                  <a:lnTo>
                    <a:pt x="34615" y="7984"/>
                  </a:lnTo>
                  <a:lnTo>
                    <a:pt x="34615" y="7984"/>
                  </a:lnTo>
                  <a:cubicBezTo>
                    <a:pt x="34618" y="7984"/>
                    <a:pt x="34622" y="7984"/>
                    <a:pt x="34625" y="7984"/>
                  </a:cubicBezTo>
                  <a:cubicBezTo>
                    <a:pt x="34655" y="7984"/>
                    <a:pt x="34682" y="7964"/>
                    <a:pt x="34687" y="7934"/>
                  </a:cubicBezTo>
                  <a:cubicBezTo>
                    <a:pt x="34693" y="7900"/>
                    <a:pt x="34672" y="7867"/>
                    <a:pt x="34636" y="7860"/>
                  </a:cubicBezTo>
                  <a:lnTo>
                    <a:pt x="34616" y="7856"/>
                  </a:lnTo>
                  <a:lnTo>
                    <a:pt x="34616" y="7856"/>
                  </a:lnTo>
                  <a:cubicBezTo>
                    <a:pt x="34618" y="7857"/>
                    <a:pt x="34621" y="7857"/>
                    <a:pt x="34623" y="7857"/>
                  </a:cubicBezTo>
                  <a:cubicBezTo>
                    <a:pt x="34645" y="7857"/>
                    <a:pt x="34662" y="7845"/>
                    <a:pt x="34674" y="7828"/>
                  </a:cubicBezTo>
                  <a:lnTo>
                    <a:pt x="34797" y="7828"/>
                  </a:lnTo>
                  <a:cubicBezTo>
                    <a:pt x="34797" y="7829"/>
                    <a:pt x="34796" y="7830"/>
                    <a:pt x="34796" y="7831"/>
                  </a:cubicBezTo>
                  <a:cubicBezTo>
                    <a:pt x="34788" y="7865"/>
                    <a:pt x="34811" y="7898"/>
                    <a:pt x="34845" y="7904"/>
                  </a:cubicBezTo>
                  <a:lnTo>
                    <a:pt x="34867" y="7908"/>
                  </a:lnTo>
                  <a:cubicBezTo>
                    <a:pt x="34864" y="7908"/>
                    <a:pt x="34860" y="7907"/>
                    <a:pt x="34857" y="7907"/>
                  </a:cubicBezTo>
                  <a:cubicBezTo>
                    <a:pt x="34828" y="7907"/>
                    <a:pt x="34801" y="7928"/>
                    <a:pt x="34796" y="7958"/>
                  </a:cubicBezTo>
                  <a:cubicBezTo>
                    <a:pt x="34791" y="7986"/>
                    <a:pt x="34807" y="8008"/>
                    <a:pt x="34830" y="8022"/>
                  </a:cubicBezTo>
                  <a:cubicBezTo>
                    <a:pt x="34805" y="8031"/>
                    <a:pt x="34785" y="8052"/>
                    <a:pt x="34787" y="8080"/>
                  </a:cubicBezTo>
                  <a:cubicBezTo>
                    <a:pt x="34788" y="8114"/>
                    <a:pt x="34817" y="8133"/>
                    <a:pt x="34847" y="8152"/>
                  </a:cubicBezTo>
                  <a:lnTo>
                    <a:pt x="34863" y="8158"/>
                  </a:lnTo>
                  <a:cubicBezTo>
                    <a:pt x="34912" y="8183"/>
                    <a:pt x="34959" y="8189"/>
                    <a:pt x="35010" y="8189"/>
                  </a:cubicBezTo>
                  <a:cubicBezTo>
                    <a:pt x="35028" y="8189"/>
                    <a:pt x="35046" y="8188"/>
                    <a:pt x="35064" y="8187"/>
                  </a:cubicBezTo>
                  <a:cubicBezTo>
                    <a:pt x="35071" y="8187"/>
                    <a:pt x="35077" y="8187"/>
                    <a:pt x="35083" y="8186"/>
                  </a:cubicBezTo>
                  <a:cubicBezTo>
                    <a:pt x="35150" y="8183"/>
                    <a:pt x="35216" y="8170"/>
                    <a:pt x="35274" y="8138"/>
                  </a:cubicBezTo>
                  <a:lnTo>
                    <a:pt x="35292" y="8126"/>
                  </a:lnTo>
                  <a:cubicBezTo>
                    <a:pt x="35304" y="8116"/>
                    <a:pt x="35314" y="8109"/>
                    <a:pt x="35321" y="8102"/>
                  </a:cubicBezTo>
                  <a:cubicBezTo>
                    <a:pt x="35323" y="8101"/>
                    <a:pt x="35324" y="8099"/>
                    <a:pt x="35325" y="8098"/>
                  </a:cubicBezTo>
                  <a:cubicBezTo>
                    <a:pt x="35339" y="8086"/>
                    <a:pt x="35345" y="8078"/>
                    <a:pt x="35348" y="8065"/>
                  </a:cubicBezTo>
                  <a:cubicBezTo>
                    <a:pt x="35348" y="8063"/>
                    <a:pt x="35350" y="8063"/>
                    <a:pt x="35350" y="8061"/>
                  </a:cubicBezTo>
                  <a:cubicBezTo>
                    <a:pt x="35350" y="8060"/>
                    <a:pt x="35349" y="8059"/>
                    <a:pt x="35349" y="8058"/>
                  </a:cubicBezTo>
                  <a:cubicBezTo>
                    <a:pt x="35349" y="8056"/>
                    <a:pt x="35350" y="8055"/>
                    <a:pt x="35350" y="8053"/>
                  </a:cubicBezTo>
                  <a:cubicBezTo>
                    <a:pt x="35350" y="8049"/>
                    <a:pt x="35347" y="8047"/>
                    <a:pt x="35346" y="8043"/>
                  </a:cubicBezTo>
                  <a:cubicBezTo>
                    <a:pt x="35341" y="8017"/>
                    <a:pt x="35326" y="7993"/>
                    <a:pt x="35299" y="7988"/>
                  </a:cubicBezTo>
                  <a:lnTo>
                    <a:pt x="35277" y="7984"/>
                  </a:lnTo>
                  <a:lnTo>
                    <a:pt x="35277" y="7984"/>
                  </a:lnTo>
                  <a:cubicBezTo>
                    <a:pt x="35281" y="7984"/>
                    <a:pt x="35285" y="7985"/>
                    <a:pt x="35289" y="7985"/>
                  </a:cubicBezTo>
                  <a:cubicBezTo>
                    <a:pt x="35318" y="7985"/>
                    <a:pt x="35344" y="7963"/>
                    <a:pt x="35350" y="7934"/>
                  </a:cubicBezTo>
                  <a:cubicBezTo>
                    <a:pt x="35356" y="7900"/>
                    <a:pt x="35333" y="7867"/>
                    <a:pt x="35299" y="7861"/>
                  </a:cubicBezTo>
                  <a:lnTo>
                    <a:pt x="35277" y="7856"/>
                  </a:lnTo>
                  <a:lnTo>
                    <a:pt x="35277" y="7856"/>
                  </a:lnTo>
                  <a:cubicBezTo>
                    <a:pt x="35280" y="7857"/>
                    <a:pt x="35282" y="7857"/>
                    <a:pt x="35285" y="7857"/>
                  </a:cubicBezTo>
                  <a:cubicBezTo>
                    <a:pt x="35306" y="7857"/>
                    <a:pt x="35323" y="7845"/>
                    <a:pt x="35335" y="7828"/>
                  </a:cubicBezTo>
                  <a:lnTo>
                    <a:pt x="35459" y="7828"/>
                  </a:lnTo>
                  <a:cubicBezTo>
                    <a:pt x="35459" y="7829"/>
                    <a:pt x="35457" y="7830"/>
                    <a:pt x="35457" y="7831"/>
                  </a:cubicBezTo>
                  <a:cubicBezTo>
                    <a:pt x="35451" y="7865"/>
                    <a:pt x="35474" y="7898"/>
                    <a:pt x="35508" y="7904"/>
                  </a:cubicBezTo>
                  <a:lnTo>
                    <a:pt x="35530" y="7908"/>
                  </a:lnTo>
                  <a:cubicBezTo>
                    <a:pt x="35526" y="7908"/>
                    <a:pt x="35523" y="7907"/>
                    <a:pt x="35520" y="7907"/>
                  </a:cubicBezTo>
                  <a:cubicBezTo>
                    <a:pt x="35489" y="7907"/>
                    <a:pt x="35463" y="7928"/>
                    <a:pt x="35457" y="7958"/>
                  </a:cubicBezTo>
                  <a:cubicBezTo>
                    <a:pt x="35452" y="7986"/>
                    <a:pt x="35469" y="8008"/>
                    <a:pt x="35491" y="8022"/>
                  </a:cubicBezTo>
                  <a:cubicBezTo>
                    <a:pt x="35467" y="8031"/>
                    <a:pt x="35448" y="8052"/>
                    <a:pt x="35449" y="8080"/>
                  </a:cubicBezTo>
                  <a:cubicBezTo>
                    <a:pt x="35451" y="8114"/>
                    <a:pt x="35479" y="8133"/>
                    <a:pt x="35509" y="8152"/>
                  </a:cubicBezTo>
                  <a:lnTo>
                    <a:pt x="35524" y="8158"/>
                  </a:lnTo>
                  <a:cubicBezTo>
                    <a:pt x="35573" y="8183"/>
                    <a:pt x="35621" y="8189"/>
                    <a:pt x="35672" y="8189"/>
                  </a:cubicBezTo>
                  <a:cubicBezTo>
                    <a:pt x="35689" y="8189"/>
                    <a:pt x="35707" y="8188"/>
                    <a:pt x="35726" y="8187"/>
                  </a:cubicBezTo>
                  <a:cubicBezTo>
                    <a:pt x="35732" y="8187"/>
                    <a:pt x="35739" y="8187"/>
                    <a:pt x="35746" y="8186"/>
                  </a:cubicBezTo>
                  <a:cubicBezTo>
                    <a:pt x="35812" y="8183"/>
                    <a:pt x="35878" y="8170"/>
                    <a:pt x="35936" y="8138"/>
                  </a:cubicBezTo>
                  <a:lnTo>
                    <a:pt x="35953" y="8126"/>
                  </a:lnTo>
                  <a:cubicBezTo>
                    <a:pt x="35967" y="8116"/>
                    <a:pt x="35976" y="8109"/>
                    <a:pt x="35983" y="8102"/>
                  </a:cubicBezTo>
                  <a:cubicBezTo>
                    <a:pt x="35985" y="8101"/>
                    <a:pt x="35985" y="8099"/>
                    <a:pt x="35988" y="8098"/>
                  </a:cubicBezTo>
                  <a:cubicBezTo>
                    <a:pt x="36001" y="8086"/>
                    <a:pt x="36006" y="8078"/>
                    <a:pt x="36009" y="8065"/>
                  </a:cubicBezTo>
                  <a:cubicBezTo>
                    <a:pt x="36009" y="8063"/>
                    <a:pt x="36011" y="8063"/>
                    <a:pt x="36011" y="8061"/>
                  </a:cubicBezTo>
                  <a:cubicBezTo>
                    <a:pt x="36011" y="8060"/>
                    <a:pt x="36010" y="8059"/>
                    <a:pt x="36011" y="8058"/>
                  </a:cubicBezTo>
                  <a:cubicBezTo>
                    <a:pt x="36011" y="8056"/>
                    <a:pt x="36011" y="8055"/>
                    <a:pt x="36012" y="8053"/>
                  </a:cubicBezTo>
                  <a:cubicBezTo>
                    <a:pt x="36012" y="8049"/>
                    <a:pt x="36008" y="8047"/>
                    <a:pt x="36007" y="8043"/>
                  </a:cubicBezTo>
                  <a:cubicBezTo>
                    <a:pt x="36004" y="8017"/>
                    <a:pt x="35989" y="7993"/>
                    <a:pt x="35961" y="7988"/>
                  </a:cubicBezTo>
                  <a:lnTo>
                    <a:pt x="35939" y="7984"/>
                  </a:lnTo>
                  <a:lnTo>
                    <a:pt x="35939" y="7984"/>
                  </a:lnTo>
                  <a:cubicBezTo>
                    <a:pt x="35943" y="7984"/>
                    <a:pt x="35946" y="7985"/>
                    <a:pt x="35950" y="7985"/>
                  </a:cubicBezTo>
                  <a:cubicBezTo>
                    <a:pt x="35980" y="7985"/>
                    <a:pt x="36006" y="7963"/>
                    <a:pt x="36011" y="7934"/>
                  </a:cubicBezTo>
                  <a:cubicBezTo>
                    <a:pt x="36017" y="7900"/>
                    <a:pt x="35995" y="7867"/>
                    <a:pt x="35961" y="7861"/>
                  </a:cubicBezTo>
                  <a:lnTo>
                    <a:pt x="35940" y="7856"/>
                  </a:lnTo>
                  <a:lnTo>
                    <a:pt x="35940" y="7856"/>
                  </a:lnTo>
                  <a:cubicBezTo>
                    <a:pt x="35943" y="7857"/>
                    <a:pt x="35945" y="7857"/>
                    <a:pt x="35947" y="7857"/>
                  </a:cubicBezTo>
                  <a:cubicBezTo>
                    <a:pt x="35969" y="7857"/>
                    <a:pt x="35986" y="7845"/>
                    <a:pt x="35998" y="7828"/>
                  </a:cubicBezTo>
                  <a:lnTo>
                    <a:pt x="36121" y="7828"/>
                  </a:lnTo>
                  <a:cubicBezTo>
                    <a:pt x="36121" y="7829"/>
                    <a:pt x="36120" y="7830"/>
                    <a:pt x="36119" y="7831"/>
                  </a:cubicBezTo>
                  <a:cubicBezTo>
                    <a:pt x="36113" y="7865"/>
                    <a:pt x="36135" y="7898"/>
                    <a:pt x="36169" y="7904"/>
                  </a:cubicBezTo>
                  <a:lnTo>
                    <a:pt x="36191" y="7908"/>
                  </a:lnTo>
                  <a:cubicBezTo>
                    <a:pt x="36188" y="7908"/>
                    <a:pt x="36185" y="7907"/>
                    <a:pt x="36181" y="7907"/>
                  </a:cubicBezTo>
                  <a:cubicBezTo>
                    <a:pt x="36152" y="7907"/>
                    <a:pt x="36125" y="7928"/>
                    <a:pt x="36119" y="7959"/>
                  </a:cubicBezTo>
                  <a:cubicBezTo>
                    <a:pt x="36115" y="7986"/>
                    <a:pt x="36130" y="8008"/>
                    <a:pt x="36154" y="8022"/>
                  </a:cubicBezTo>
                  <a:cubicBezTo>
                    <a:pt x="36129" y="8031"/>
                    <a:pt x="36109" y="8052"/>
                    <a:pt x="36111" y="8080"/>
                  </a:cubicBezTo>
                  <a:cubicBezTo>
                    <a:pt x="36113" y="8114"/>
                    <a:pt x="36142" y="8135"/>
                    <a:pt x="36170" y="8152"/>
                  </a:cubicBezTo>
                  <a:lnTo>
                    <a:pt x="36187" y="8158"/>
                  </a:lnTo>
                  <a:cubicBezTo>
                    <a:pt x="36235" y="8183"/>
                    <a:pt x="36282" y="8189"/>
                    <a:pt x="36333" y="8189"/>
                  </a:cubicBezTo>
                  <a:cubicBezTo>
                    <a:pt x="36350" y="8189"/>
                    <a:pt x="36369" y="8188"/>
                    <a:pt x="36388" y="8187"/>
                  </a:cubicBezTo>
                  <a:cubicBezTo>
                    <a:pt x="36395" y="8187"/>
                    <a:pt x="36401" y="8187"/>
                    <a:pt x="36407" y="8186"/>
                  </a:cubicBezTo>
                  <a:cubicBezTo>
                    <a:pt x="36473" y="8183"/>
                    <a:pt x="36541" y="8171"/>
                    <a:pt x="36597" y="8138"/>
                  </a:cubicBezTo>
                  <a:lnTo>
                    <a:pt x="36615" y="8126"/>
                  </a:lnTo>
                  <a:cubicBezTo>
                    <a:pt x="36628" y="8116"/>
                    <a:pt x="36638" y="8109"/>
                    <a:pt x="36645" y="8102"/>
                  </a:cubicBezTo>
                  <a:cubicBezTo>
                    <a:pt x="36647" y="8101"/>
                    <a:pt x="36648" y="8100"/>
                    <a:pt x="36649" y="8098"/>
                  </a:cubicBezTo>
                  <a:cubicBezTo>
                    <a:pt x="36664" y="8086"/>
                    <a:pt x="36668" y="8078"/>
                    <a:pt x="36671" y="8065"/>
                  </a:cubicBezTo>
                  <a:cubicBezTo>
                    <a:pt x="36672" y="8063"/>
                    <a:pt x="36673" y="8063"/>
                    <a:pt x="36673" y="8062"/>
                  </a:cubicBezTo>
                  <a:cubicBezTo>
                    <a:pt x="36674" y="8060"/>
                    <a:pt x="36673" y="8060"/>
                    <a:pt x="36673" y="8058"/>
                  </a:cubicBezTo>
                  <a:cubicBezTo>
                    <a:pt x="36673" y="8056"/>
                    <a:pt x="36674" y="8055"/>
                    <a:pt x="36674" y="8053"/>
                  </a:cubicBezTo>
                  <a:cubicBezTo>
                    <a:pt x="36674" y="8049"/>
                    <a:pt x="36670" y="8047"/>
                    <a:pt x="36670" y="8043"/>
                  </a:cubicBezTo>
                  <a:cubicBezTo>
                    <a:pt x="36666" y="8017"/>
                    <a:pt x="36650" y="7993"/>
                    <a:pt x="36623" y="7988"/>
                  </a:cubicBezTo>
                  <a:lnTo>
                    <a:pt x="36602" y="7984"/>
                  </a:lnTo>
                  <a:lnTo>
                    <a:pt x="36602" y="7984"/>
                  </a:lnTo>
                  <a:cubicBezTo>
                    <a:pt x="36605" y="7984"/>
                    <a:pt x="36609" y="7985"/>
                    <a:pt x="36612" y="7985"/>
                  </a:cubicBezTo>
                  <a:cubicBezTo>
                    <a:pt x="36641" y="7985"/>
                    <a:pt x="36667" y="7963"/>
                    <a:pt x="36673" y="7934"/>
                  </a:cubicBezTo>
                  <a:cubicBezTo>
                    <a:pt x="36680" y="7900"/>
                    <a:pt x="36657" y="7867"/>
                    <a:pt x="36623" y="7861"/>
                  </a:cubicBezTo>
                  <a:lnTo>
                    <a:pt x="36602" y="7856"/>
                  </a:lnTo>
                  <a:lnTo>
                    <a:pt x="36602" y="7856"/>
                  </a:lnTo>
                  <a:cubicBezTo>
                    <a:pt x="36604" y="7857"/>
                    <a:pt x="36607" y="7857"/>
                    <a:pt x="36609" y="7857"/>
                  </a:cubicBezTo>
                  <a:cubicBezTo>
                    <a:pt x="36630" y="7857"/>
                    <a:pt x="36647" y="7845"/>
                    <a:pt x="36659" y="7828"/>
                  </a:cubicBezTo>
                  <a:lnTo>
                    <a:pt x="37137" y="7828"/>
                  </a:lnTo>
                  <a:lnTo>
                    <a:pt x="37137" y="8383"/>
                  </a:lnTo>
                  <a:lnTo>
                    <a:pt x="37416" y="8383"/>
                  </a:lnTo>
                  <a:lnTo>
                    <a:pt x="37416" y="7662"/>
                  </a:lnTo>
                  <a:lnTo>
                    <a:pt x="37703" y="7662"/>
                  </a:lnTo>
                  <a:lnTo>
                    <a:pt x="37703" y="7820"/>
                  </a:lnTo>
                  <a:lnTo>
                    <a:pt x="38285" y="7820"/>
                  </a:lnTo>
                  <a:lnTo>
                    <a:pt x="38285" y="7656"/>
                  </a:lnTo>
                  <a:cubicBezTo>
                    <a:pt x="38401" y="7639"/>
                    <a:pt x="38491" y="7544"/>
                    <a:pt x="38491" y="7423"/>
                  </a:cubicBezTo>
                  <a:cubicBezTo>
                    <a:pt x="38491" y="7303"/>
                    <a:pt x="38401" y="7208"/>
                    <a:pt x="38285" y="7192"/>
                  </a:cubicBezTo>
                  <a:lnTo>
                    <a:pt x="38285" y="5746"/>
                  </a:lnTo>
                  <a:lnTo>
                    <a:pt x="38285" y="5174"/>
                  </a:lnTo>
                  <a:lnTo>
                    <a:pt x="38975" y="5174"/>
                  </a:lnTo>
                  <a:lnTo>
                    <a:pt x="38975" y="4627"/>
                  </a:lnTo>
                  <a:lnTo>
                    <a:pt x="38607" y="2875"/>
                  </a:lnTo>
                  <a:lnTo>
                    <a:pt x="46271" y="2875"/>
                  </a:lnTo>
                  <a:lnTo>
                    <a:pt x="46271" y="2280"/>
                  </a:lnTo>
                  <a:lnTo>
                    <a:pt x="46271" y="595"/>
                  </a:lnTo>
                  <a:lnTo>
                    <a:pt x="46271" y="0"/>
                  </a:lnTo>
                  <a:close/>
                </a:path>
              </a:pathLst>
            </a:custGeom>
            <a:solidFill>
              <a:srgbClr val="16263C">
                <a:alpha val="1013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13" name="Google Shape;413;p28"/>
            <p:cNvSpPr/>
            <p:nvPr/>
          </p:nvSpPr>
          <p:spPr>
            <a:xfrm>
              <a:off x="4588400" y="752503"/>
              <a:ext cx="90450" cy="1774051"/>
            </a:xfrm>
            <a:custGeom>
              <a:avLst/>
              <a:gdLst/>
              <a:ahLst/>
              <a:cxnLst/>
              <a:rect l="l" t="t" r="r" b="b"/>
              <a:pathLst>
                <a:path w="3618" h="48185" extrusionOk="0">
                  <a:moveTo>
                    <a:pt x="0" y="0"/>
                  </a:moveTo>
                  <a:lnTo>
                    <a:pt x="0" y="48184"/>
                  </a:lnTo>
                  <a:lnTo>
                    <a:pt x="3618" y="48184"/>
                  </a:lnTo>
                  <a:lnTo>
                    <a:pt x="3618" y="0"/>
                  </a:lnTo>
                  <a:close/>
                </a:path>
              </a:pathLst>
            </a:custGeom>
            <a:solidFill>
              <a:srgbClr val="16263C">
                <a:alpha val="1013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grpSp>
      <p:grpSp>
        <p:nvGrpSpPr>
          <p:cNvPr id="414" name="Google Shape;414;p28"/>
          <p:cNvGrpSpPr/>
          <p:nvPr/>
        </p:nvGrpSpPr>
        <p:grpSpPr>
          <a:xfrm>
            <a:off x="4631960" y="601936"/>
            <a:ext cx="5397517" cy="4545518"/>
            <a:chOff x="4572894" y="539569"/>
            <a:chExt cx="5471574" cy="4607885"/>
          </a:xfrm>
        </p:grpSpPr>
        <p:sp>
          <p:nvSpPr>
            <p:cNvPr id="415" name="Google Shape;415;p28"/>
            <p:cNvSpPr/>
            <p:nvPr/>
          </p:nvSpPr>
          <p:spPr>
            <a:xfrm flipH="1">
              <a:off x="4572894" y="2178474"/>
              <a:ext cx="539717" cy="248158"/>
            </a:xfrm>
            <a:custGeom>
              <a:avLst/>
              <a:gdLst/>
              <a:ahLst/>
              <a:cxnLst/>
              <a:rect l="l" t="t" r="r" b="b"/>
              <a:pathLst>
                <a:path w="8552" h="3932" extrusionOk="0">
                  <a:moveTo>
                    <a:pt x="7694" y="0"/>
                  </a:moveTo>
                  <a:cubicBezTo>
                    <a:pt x="7625" y="0"/>
                    <a:pt x="7554" y="11"/>
                    <a:pt x="7484" y="33"/>
                  </a:cubicBezTo>
                  <a:lnTo>
                    <a:pt x="1" y="2365"/>
                  </a:lnTo>
                  <a:lnTo>
                    <a:pt x="488" y="3932"/>
                  </a:lnTo>
                  <a:lnTo>
                    <a:pt x="7972" y="1600"/>
                  </a:lnTo>
                  <a:cubicBezTo>
                    <a:pt x="8344" y="1484"/>
                    <a:pt x="8551" y="1089"/>
                    <a:pt x="8435" y="718"/>
                  </a:cubicBezTo>
                  <a:lnTo>
                    <a:pt x="8366" y="495"/>
                  </a:lnTo>
                  <a:cubicBezTo>
                    <a:pt x="8272" y="193"/>
                    <a:pt x="7994" y="0"/>
                    <a:pt x="7694"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16" name="Google Shape;416;p28"/>
            <p:cNvSpPr/>
            <p:nvPr/>
          </p:nvSpPr>
          <p:spPr>
            <a:xfrm flipH="1">
              <a:off x="5136908" y="2260205"/>
              <a:ext cx="122181" cy="294546"/>
            </a:xfrm>
            <a:custGeom>
              <a:avLst/>
              <a:gdLst/>
              <a:ahLst/>
              <a:cxnLst/>
              <a:rect l="l" t="t" r="r" b="b"/>
              <a:pathLst>
                <a:path w="1936" h="4667" extrusionOk="0">
                  <a:moveTo>
                    <a:pt x="534" y="1"/>
                  </a:moveTo>
                  <a:lnTo>
                    <a:pt x="1" y="167"/>
                  </a:lnTo>
                  <a:lnTo>
                    <a:pt x="1404" y="4667"/>
                  </a:lnTo>
                  <a:lnTo>
                    <a:pt x="1936" y="4501"/>
                  </a:lnTo>
                  <a:lnTo>
                    <a:pt x="534"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17" name="Google Shape;417;p28"/>
            <p:cNvSpPr/>
            <p:nvPr/>
          </p:nvSpPr>
          <p:spPr>
            <a:xfrm flipH="1">
              <a:off x="5149277" y="2520102"/>
              <a:ext cx="22656" cy="13254"/>
            </a:xfrm>
            <a:custGeom>
              <a:avLst/>
              <a:gdLst/>
              <a:ahLst/>
              <a:cxnLst/>
              <a:rect l="l" t="t" r="r" b="b"/>
              <a:pathLst>
                <a:path w="359" h="210" extrusionOk="0">
                  <a:moveTo>
                    <a:pt x="275" y="0"/>
                  </a:moveTo>
                  <a:cubicBezTo>
                    <a:pt x="267" y="0"/>
                    <a:pt x="260" y="2"/>
                    <a:pt x="252" y="4"/>
                  </a:cubicBezTo>
                  <a:lnTo>
                    <a:pt x="63" y="63"/>
                  </a:lnTo>
                  <a:cubicBezTo>
                    <a:pt x="24" y="75"/>
                    <a:pt x="1" y="118"/>
                    <a:pt x="13" y="157"/>
                  </a:cubicBezTo>
                  <a:cubicBezTo>
                    <a:pt x="23" y="189"/>
                    <a:pt x="53" y="210"/>
                    <a:pt x="85" y="210"/>
                  </a:cubicBezTo>
                  <a:cubicBezTo>
                    <a:pt x="93" y="210"/>
                    <a:pt x="100" y="209"/>
                    <a:pt x="107" y="207"/>
                  </a:cubicBezTo>
                  <a:lnTo>
                    <a:pt x="297" y="147"/>
                  </a:lnTo>
                  <a:cubicBezTo>
                    <a:pt x="337" y="134"/>
                    <a:pt x="359" y="93"/>
                    <a:pt x="346" y="53"/>
                  </a:cubicBezTo>
                  <a:cubicBezTo>
                    <a:pt x="336" y="21"/>
                    <a:pt x="306" y="0"/>
                    <a:pt x="275"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18" name="Google Shape;418;p28"/>
            <p:cNvSpPr/>
            <p:nvPr/>
          </p:nvSpPr>
          <p:spPr>
            <a:xfrm flipH="1">
              <a:off x="5157482" y="2493595"/>
              <a:ext cx="22656" cy="13317"/>
            </a:xfrm>
            <a:custGeom>
              <a:avLst/>
              <a:gdLst/>
              <a:ahLst/>
              <a:cxnLst/>
              <a:rect l="l" t="t" r="r" b="b"/>
              <a:pathLst>
                <a:path w="359" h="211" extrusionOk="0">
                  <a:moveTo>
                    <a:pt x="274" y="1"/>
                  </a:moveTo>
                  <a:cubicBezTo>
                    <a:pt x="267" y="1"/>
                    <a:pt x="259" y="2"/>
                    <a:pt x="252" y="4"/>
                  </a:cubicBezTo>
                  <a:lnTo>
                    <a:pt x="62" y="63"/>
                  </a:lnTo>
                  <a:cubicBezTo>
                    <a:pt x="22" y="76"/>
                    <a:pt x="1" y="118"/>
                    <a:pt x="13" y="157"/>
                  </a:cubicBezTo>
                  <a:cubicBezTo>
                    <a:pt x="23" y="189"/>
                    <a:pt x="53" y="210"/>
                    <a:pt x="85" y="210"/>
                  </a:cubicBezTo>
                  <a:cubicBezTo>
                    <a:pt x="92" y="210"/>
                    <a:pt x="100" y="209"/>
                    <a:pt x="107" y="207"/>
                  </a:cubicBezTo>
                  <a:lnTo>
                    <a:pt x="296" y="148"/>
                  </a:lnTo>
                  <a:cubicBezTo>
                    <a:pt x="336" y="136"/>
                    <a:pt x="358" y="93"/>
                    <a:pt x="346" y="54"/>
                  </a:cubicBezTo>
                  <a:cubicBezTo>
                    <a:pt x="336" y="22"/>
                    <a:pt x="306" y="1"/>
                    <a:pt x="274"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19" name="Google Shape;419;p28"/>
            <p:cNvSpPr/>
            <p:nvPr/>
          </p:nvSpPr>
          <p:spPr>
            <a:xfrm flipH="1">
              <a:off x="5165749" y="2467151"/>
              <a:ext cx="22656" cy="13254"/>
            </a:xfrm>
            <a:custGeom>
              <a:avLst/>
              <a:gdLst/>
              <a:ahLst/>
              <a:cxnLst/>
              <a:rect l="l" t="t" r="r" b="b"/>
              <a:pathLst>
                <a:path w="359" h="210" extrusionOk="0">
                  <a:moveTo>
                    <a:pt x="275" y="0"/>
                  </a:moveTo>
                  <a:cubicBezTo>
                    <a:pt x="267" y="0"/>
                    <a:pt x="260" y="1"/>
                    <a:pt x="253" y="4"/>
                  </a:cubicBezTo>
                  <a:lnTo>
                    <a:pt x="62" y="64"/>
                  </a:lnTo>
                  <a:cubicBezTo>
                    <a:pt x="23" y="76"/>
                    <a:pt x="0" y="117"/>
                    <a:pt x="13" y="157"/>
                  </a:cubicBezTo>
                  <a:cubicBezTo>
                    <a:pt x="23" y="189"/>
                    <a:pt x="53" y="210"/>
                    <a:pt x="84" y="210"/>
                  </a:cubicBezTo>
                  <a:cubicBezTo>
                    <a:pt x="92" y="210"/>
                    <a:pt x="99" y="209"/>
                    <a:pt x="107" y="206"/>
                  </a:cubicBezTo>
                  <a:lnTo>
                    <a:pt x="297" y="147"/>
                  </a:lnTo>
                  <a:cubicBezTo>
                    <a:pt x="336" y="135"/>
                    <a:pt x="358" y="93"/>
                    <a:pt x="346" y="53"/>
                  </a:cubicBezTo>
                  <a:cubicBezTo>
                    <a:pt x="336" y="21"/>
                    <a:pt x="306" y="0"/>
                    <a:pt x="275"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20" name="Google Shape;420;p28"/>
            <p:cNvSpPr/>
            <p:nvPr/>
          </p:nvSpPr>
          <p:spPr>
            <a:xfrm flipH="1">
              <a:off x="5174017" y="2440707"/>
              <a:ext cx="22593" cy="13254"/>
            </a:xfrm>
            <a:custGeom>
              <a:avLst/>
              <a:gdLst/>
              <a:ahLst/>
              <a:cxnLst/>
              <a:rect l="l" t="t" r="r" b="b"/>
              <a:pathLst>
                <a:path w="358" h="210" extrusionOk="0">
                  <a:moveTo>
                    <a:pt x="274" y="0"/>
                  </a:moveTo>
                  <a:cubicBezTo>
                    <a:pt x="266" y="0"/>
                    <a:pt x="259" y="2"/>
                    <a:pt x="251" y="4"/>
                  </a:cubicBezTo>
                  <a:lnTo>
                    <a:pt x="62" y="63"/>
                  </a:lnTo>
                  <a:cubicBezTo>
                    <a:pt x="22" y="75"/>
                    <a:pt x="0" y="117"/>
                    <a:pt x="13" y="157"/>
                  </a:cubicBezTo>
                  <a:cubicBezTo>
                    <a:pt x="23" y="189"/>
                    <a:pt x="52" y="209"/>
                    <a:pt x="84" y="209"/>
                  </a:cubicBezTo>
                  <a:cubicBezTo>
                    <a:pt x="92" y="209"/>
                    <a:pt x="99" y="208"/>
                    <a:pt x="107" y="206"/>
                  </a:cubicBezTo>
                  <a:lnTo>
                    <a:pt x="296" y="147"/>
                  </a:lnTo>
                  <a:cubicBezTo>
                    <a:pt x="336" y="134"/>
                    <a:pt x="358" y="93"/>
                    <a:pt x="345" y="53"/>
                  </a:cubicBezTo>
                  <a:cubicBezTo>
                    <a:pt x="335" y="21"/>
                    <a:pt x="306" y="0"/>
                    <a:pt x="27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21" name="Google Shape;421;p28"/>
            <p:cNvSpPr/>
            <p:nvPr/>
          </p:nvSpPr>
          <p:spPr>
            <a:xfrm flipH="1">
              <a:off x="5182284" y="2414200"/>
              <a:ext cx="22593" cy="13317"/>
            </a:xfrm>
            <a:custGeom>
              <a:avLst/>
              <a:gdLst/>
              <a:ahLst/>
              <a:cxnLst/>
              <a:rect l="l" t="t" r="r" b="b"/>
              <a:pathLst>
                <a:path w="358" h="211" extrusionOk="0">
                  <a:moveTo>
                    <a:pt x="275" y="1"/>
                  </a:moveTo>
                  <a:cubicBezTo>
                    <a:pt x="267" y="1"/>
                    <a:pt x="260" y="2"/>
                    <a:pt x="252" y="4"/>
                  </a:cubicBezTo>
                  <a:lnTo>
                    <a:pt x="62" y="63"/>
                  </a:lnTo>
                  <a:cubicBezTo>
                    <a:pt x="23" y="76"/>
                    <a:pt x="1" y="118"/>
                    <a:pt x="13" y="157"/>
                  </a:cubicBezTo>
                  <a:cubicBezTo>
                    <a:pt x="23" y="189"/>
                    <a:pt x="52" y="210"/>
                    <a:pt x="84" y="210"/>
                  </a:cubicBezTo>
                  <a:cubicBezTo>
                    <a:pt x="92" y="210"/>
                    <a:pt x="99" y="209"/>
                    <a:pt x="106" y="207"/>
                  </a:cubicBezTo>
                  <a:lnTo>
                    <a:pt x="297" y="147"/>
                  </a:lnTo>
                  <a:cubicBezTo>
                    <a:pt x="336" y="135"/>
                    <a:pt x="358" y="93"/>
                    <a:pt x="345" y="54"/>
                  </a:cubicBezTo>
                  <a:cubicBezTo>
                    <a:pt x="335" y="21"/>
                    <a:pt x="306" y="1"/>
                    <a:pt x="275"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22" name="Google Shape;422;p28"/>
            <p:cNvSpPr/>
            <p:nvPr/>
          </p:nvSpPr>
          <p:spPr>
            <a:xfrm flipH="1">
              <a:off x="5190488" y="2387755"/>
              <a:ext cx="22656" cy="13254"/>
            </a:xfrm>
            <a:custGeom>
              <a:avLst/>
              <a:gdLst/>
              <a:ahLst/>
              <a:cxnLst/>
              <a:rect l="l" t="t" r="r" b="b"/>
              <a:pathLst>
                <a:path w="359" h="210" extrusionOk="0">
                  <a:moveTo>
                    <a:pt x="274" y="0"/>
                  </a:moveTo>
                  <a:cubicBezTo>
                    <a:pt x="267" y="0"/>
                    <a:pt x="259" y="1"/>
                    <a:pt x="252" y="4"/>
                  </a:cubicBezTo>
                  <a:lnTo>
                    <a:pt x="63" y="63"/>
                  </a:lnTo>
                  <a:cubicBezTo>
                    <a:pt x="22" y="75"/>
                    <a:pt x="1" y="117"/>
                    <a:pt x="13" y="157"/>
                  </a:cubicBezTo>
                  <a:cubicBezTo>
                    <a:pt x="23" y="189"/>
                    <a:pt x="53" y="210"/>
                    <a:pt x="85" y="210"/>
                  </a:cubicBezTo>
                  <a:cubicBezTo>
                    <a:pt x="92" y="210"/>
                    <a:pt x="100" y="209"/>
                    <a:pt x="107" y="206"/>
                  </a:cubicBezTo>
                  <a:lnTo>
                    <a:pt x="296" y="147"/>
                  </a:lnTo>
                  <a:cubicBezTo>
                    <a:pt x="337" y="135"/>
                    <a:pt x="358" y="93"/>
                    <a:pt x="346" y="53"/>
                  </a:cubicBezTo>
                  <a:cubicBezTo>
                    <a:pt x="336" y="21"/>
                    <a:pt x="306" y="0"/>
                    <a:pt x="27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23" name="Google Shape;423;p28"/>
            <p:cNvSpPr/>
            <p:nvPr/>
          </p:nvSpPr>
          <p:spPr>
            <a:xfrm flipH="1">
              <a:off x="5198693" y="2361311"/>
              <a:ext cx="22656" cy="13254"/>
            </a:xfrm>
            <a:custGeom>
              <a:avLst/>
              <a:gdLst/>
              <a:ahLst/>
              <a:cxnLst/>
              <a:rect l="l" t="t" r="r" b="b"/>
              <a:pathLst>
                <a:path w="359" h="210" extrusionOk="0">
                  <a:moveTo>
                    <a:pt x="274" y="0"/>
                  </a:moveTo>
                  <a:cubicBezTo>
                    <a:pt x="267" y="0"/>
                    <a:pt x="259" y="2"/>
                    <a:pt x="252" y="4"/>
                  </a:cubicBezTo>
                  <a:lnTo>
                    <a:pt x="61" y="63"/>
                  </a:lnTo>
                  <a:cubicBezTo>
                    <a:pt x="22" y="75"/>
                    <a:pt x="0" y="117"/>
                    <a:pt x="13" y="157"/>
                  </a:cubicBezTo>
                  <a:cubicBezTo>
                    <a:pt x="23" y="189"/>
                    <a:pt x="52" y="209"/>
                    <a:pt x="83" y="209"/>
                  </a:cubicBezTo>
                  <a:cubicBezTo>
                    <a:pt x="91" y="209"/>
                    <a:pt x="98" y="208"/>
                    <a:pt x="106" y="206"/>
                  </a:cubicBezTo>
                  <a:lnTo>
                    <a:pt x="296" y="147"/>
                  </a:lnTo>
                  <a:cubicBezTo>
                    <a:pt x="335" y="134"/>
                    <a:pt x="358" y="92"/>
                    <a:pt x="346" y="53"/>
                  </a:cubicBezTo>
                  <a:cubicBezTo>
                    <a:pt x="336" y="21"/>
                    <a:pt x="306" y="0"/>
                    <a:pt x="27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24" name="Google Shape;424;p28"/>
            <p:cNvSpPr/>
            <p:nvPr/>
          </p:nvSpPr>
          <p:spPr>
            <a:xfrm flipH="1">
              <a:off x="5207023" y="2334804"/>
              <a:ext cx="22593" cy="13254"/>
            </a:xfrm>
            <a:custGeom>
              <a:avLst/>
              <a:gdLst/>
              <a:ahLst/>
              <a:cxnLst/>
              <a:rect l="l" t="t" r="r" b="b"/>
              <a:pathLst>
                <a:path w="358" h="210" extrusionOk="0">
                  <a:moveTo>
                    <a:pt x="274" y="1"/>
                  </a:moveTo>
                  <a:cubicBezTo>
                    <a:pt x="266" y="1"/>
                    <a:pt x="259" y="2"/>
                    <a:pt x="251" y="4"/>
                  </a:cubicBezTo>
                  <a:lnTo>
                    <a:pt x="62" y="63"/>
                  </a:lnTo>
                  <a:cubicBezTo>
                    <a:pt x="23" y="76"/>
                    <a:pt x="0" y="118"/>
                    <a:pt x="13" y="157"/>
                  </a:cubicBezTo>
                  <a:cubicBezTo>
                    <a:pt x="23" y="189"/>
                    <a:pt x="52" y="209"/>
                    <a:pt x="84" y="209"/>
                  </a:cubicBezTo>
                  <a:cubicBezTo>
                    <a:pt x="92" y="209"/>
                    <a:pt x="99" y="208"/>
                    <a:pt x="107" y="206"/>
                  </a:cubicBezTo>
                  <a:lnTo>
                    <a:pt x="296" y="147"/>
                  </a:lnTo>
                  <a:cubicBezTo>
                    <a:pt x="336" y="135"/>
                    <a:pt x="358" y="93"/>
                    <a:pt x="345" y="53"/>
                  </a:cubicBezTo>
                  <a:cubicBezTo>
                    <a:pt x="335" y="21"/>
                    <a:pt x="306" y="1"/>
                    <a:pt x="274"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25" name="Google Shape;425;p28"/>
            <p:cNvSpPr/>
            <p:nvPr/>
          </p:nvSpPr>
          <p:spPr>
            <a:xfrm flipH="1">
              <a:off x="5215227" y="2308360"/>
              <a:ext cx="22656" cy="13254"/>
            </a:xfrm>
            <a:custGeom>
              <a:avLst/>
              <a:gdLst/>
              <a:ahLst/>
              <a:cxnLst/>
              <a:rect l="l" t="t" r="r" b="b"/>
              <a:pathLst>
                <a:path w="359" h="210" extrusionOk="0">
                  <a:moveTo>
                    <a:pt x="275" y="0"/>
                  </a:moveTo>
                  <a:cubicBezTo>
                    <a:pt x="267" y="0"/>
                    <a:pt x="260" y="1"/>
                    <a:pt x="252" y="4"/>
                  </a:cubicBezTo>
                  <a:lnTo>
                    <a:pt x="62" y="63"/>
                  </a:lnTo>
                  <a:cubicBezTo>
                    <a:pt x="23" y="75"/>
                    <a:pt x="1" y="117"/>
                    <a:pt x="13" y="157"/>
                  </a:cubicBezTo>
                  <a:cubicBezTo>
                    <a:pt x="23" y="189"/>
                    <a:pt x="53" y="210"/>
                    <a:pt x="85" y="210"/>
                  </a:cubicBezTo>
                  <a:cubicBezTo>
                    <a:pt x="92" y="210"/>
                    <a:pt x="100" y="209"/>
                    <a:pt x="107" y="206"/>
                  </a:cubicBezTo>
                  <a:lnTo>
                    <a:pt x="297" y="146"/>
                  </a:lnTo>
                  <a:cubicBezTo>
                    <a:pt x="336" y="135"/>
                    <a:pt x="359" y="93"/>
                    <a:pt x="346" y="53"/>
                  </a:cubicBezTo>
                  <a:cubicBezTo>
                    <a:pt x="336" y="21"/>
                    <a:pt x="306" y="0"/>
                    <a:pt x="275"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26" name="Google Shape;426;p28"/>
            <p:cNvSpPr/>
            <p:nvPr/>
          </p:nvSpPr>
          <p:spPr>
            <a:xfrm flipH="1">
              <a:off x="5223495" y="2281853"/>
              <a:ext cx="22656" cy="13317"/>
            </a:xfrm>
            <a:custGeom>
              <a:avLst/>
              <a:gdLst/>
              <a:ahLst/>
              <a:cxnLst/>
              <a:rect l="l" t="t" r="r" b="b"/>
              <a:pathLst>
                <a:path w="359" h="211" extrusionOk="0">
                  <a:moveTo>
                    <a:pt x="275" y="1"/>
                  </a:moveTo>
                  <a:cubicBezTo>
                    <a:pt x="268" y="1"/>
                    <a:pt x="260" y="2"/>
                    <a:pt x="253" y="4"/>
                  </a:cubicBezTo>
                  <a:lnTo>
                    <a:pt x="63" y="64"/>
                  </a:lnTo>
                  <a:cubicBezTo>
                    <a:pt x="23" y="76"/>
                    <a:pt x="1" y="118"/>
                    <a:pt x="13" y="157"/>
                  </a:cubicBezTo>
                  <a:cubicBezTo>
                    <a:pt x="23" y="190"/>
                    <a:pt x="53" y="210"/>
                    <a:pt x="85" y="210"/>
                  </a:cubicBezTo>
                  <a:cubicBezTo>
                    <a:pt x="92" y="210"/>
                    <a:pt x="100" y="209"/>
                    <a:pt x="107" y="207"/>
                  </a:cubicBezTo>
                  <a:lnTo>
                    <a:pt x="297" y="148"/>
                  </a:lnTo>
                  <a:cubicBezTo>
                    <a:pt x="337" y="135"/>
                    <a:pt x="358" y="93"/>
                    <a:pt x="346" y="54"/>
                  </a:cubicBezTo>
                  <a:cubicBezTo>
                    <a:pt x="336" y="22"/>
                    <a:pt x="306" y="1"/>
                    <a:pt x="275"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27" name="Google Shape;427;p28"/>
            <p:cNvSpPr/>
            <p:nvPr/>
          </p:nvSpPr>
          <p:spPr>
            <a:xfrm flipH="1">
              <a:off x="4971055" y="2293087"/>
              <a:ext cx="61280" cy="106281"/>
            </a:xfrm>
            <a:custGeom>
              <a:avLst/>
              <a:gdLst/>
              <a:ahLst/>
              <a:cxnLst/>
              <a:rect l="l" t="t" r="r" b="b"/>
              <a:pathLst>
                <a:path w="971" h="1684" extrusionOk="0">
                  <a:moveTo>
                    <a:pt x="487" y="1"/>
                  </a:moveTo>
                  <a:lnTo>
                    <a:pt x="0" y="152"/>
                  </a:lnTo>
                  <a:lnTo>
                    <a:pt x="337" y="1233"/>
                  </a:lnTo>
                  <a:lnTo>
                    <a:pt x="971" y="1683"/>
                  </a:lnTo>
                  <a:lnTo>
                    <a:pt x="487"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28" name="Google Shape;428;p28"/>
            <p:cNvSpPr/>
            <p:nvPr/>
          </p:nvSpPr>
          <p:spPr>
            <a:xfrm flipH="1">
              <a:off x="4956476" y="2156196"/>
              <a:ext cx="228963" cy="424179"/>
            </a:xfrm>
            <a:custGeom>
              <a:avLst/>
              <a:gdLst/>
              <a:ahLst/>
              <a:cxnLst/>
              <a:rect l="l" t="t" r="r" b="b"/>
              <a:pathLst>
                <a:path w="3628" h="6721" extrusionOk="0">
                  <a:moveTo>
                    <a:pt x="1698" y="1"/>
                  </a:moveTo>
                  <a:lnTo>
                    <a:pt x="1" y="530"/>
                  </a:lnTo>
                  <a:lnTo>
                    <a:pt x="1930" y="6721"/>
                  </a:lnTo>
                  <a:lnTo>
                    <a:pt x="3627" y="6192"/>
                  </a:lnTo>
                  <a:lnTo>
                    <a:pt x="1698"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29" name="Google Shape;429;p28"/>
            <p:cNvSpPr/>
            <p:nvPr/>
          </p:nvSpPr>
          <p:spPr>
            <a:xfrm flipH="1">
              <a:off x="4956224" y="2321803"/>
              <a:ext cx="134298" cy="258319"/>
            </a:xfrm>
            <a:custGeom>
              <a:avLst/>
              <a:gdLst/>
              <a:ahLst/>
              <a:cxnLst/>
              <a:rect l="l" t="t" r="r" b="b"/>
              <a:pathLst>
                <a:path w="2128" h="4093" extrusionOk="0">
                  <a:moveTo>
                    <a:pt x="1016" y="0"/>
                  </a:moveTo>
                  <a:cubicBezTo>
                    <a:pt x="720" y="921"/>
                    <a:pt x="383" y="1828"/>
                    <a:pt x="1" y="2716"/>
                  </a:cubicBezTo>
                  <a:lnTo>
                    <a:pt x="430" y="4093"/>
                  </a:lnTo>
                  <a:lnTo>
                    <a:pt x="2127" y="3564"/>
                  </a:lnTo>
                  <a:lnTo>
                    <a:pt x="1016"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30" name="Google Shape;430;p28"/>
            <p:cNvSpPr/>
            <p:nvPr/>
          </p:nvSpPr>
          <p:spPr>
            <a:xfrm flipH="1">
              <a:off x="5078279" y="2072635"/>
              <a:ext cx="133099" cy="116695"/>
            </a:xfrm>
            <a:custGeom>
              <a:avLst/>
              <a:gdLst/>
              <a:ahLst/>
              <a:cxnLst/>
              <a:rect l="l" t="t" r="r" b="b"/>
              <a:pathLst>
                <a:path w="2109" h="1849" extrusionOk="0">
                  <a:moveTo>
                    <a:pt x="1698" y="1"/>
                  </a:moveTo>
                  <a:lnTo>
                    <a:pt x="1" y="530"/>
                  </a:lnTo>
                  <a:lnTo>
                    <a:pt x="411" y="1848"/>
                  </a:lnTo>
                  <a:lnTo>
                    <a:pt x="2108" y="1319"/>
                  </a:lnTo>
                  <a:lnTo>
                    <a:pt x="1698"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31" name="Google Shape;431;p28"/>
            <p:cNvSpPr/>
            <p:nvPr/>
          </p:nvSpPr>
          <p:spPr>
            <a:xfrm flipH="1">
              <a:off x="5074745" y="2224673"/>
              <a:ext cx="156197" cy="337021"/>
            </a:xfrm>
            <a:custGeom>
              <a:avLst/>
              <a:gdLst/>
              <a:ahLst/>
              <a:cxnLst/>
              <a:rect l="l" t="t" r="r" b="b"/>
              <a:pathLst>
                <a:path w="2475" h="5340" extrusionOk="0">
                  <a:moveTo>
                    <a:pt x="898" y="0"/>
                  </a:moveTo>
                  <a:lnTo>
                    <a:pt x="0" y="280"/>
                  </a:lnTo>
                  <a:lnTo>
                    <a:pt x="1577" y="5339"/>
                  </a:lnTo>
                  <a:lnTo>
                    <a:pt x="2474" y="5059"/>
                  </a:lnTo>
                  <a:lnTo>
                    <a:pt x="898"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32" name="Google Shape;432;p28"/>
            <p:cNvSpPr/>
            <p:nvPr/>
          </p:nvSpPr>
          <p:spPr>
            <a:xfrm flipH="1">
              <a:off x="4705803" y="2219687"/>
              <a:ext cx="304380" cy="184667"/>
            </a:xfrm>
            <a:custGeom>
              <a:avLst/>
              <a:gdLst/>
              <a:ahLst/>
              <a:cxnLst/>
              <a:rect l="l" t="t" r="r" b="b"/>
              <a:pathLst>
                <a:path w="4823" h="2926" extrusionOk="0">
                  <a:moveTo>
                    <a:pt x="3867" y="1"/>
                  </a:moveTo>
                  <a:lnTo>
                    <a:pt x="684" y="992"/>
                  </a:lnTo>
                  <a:cubicBezTo>
                    <a:pt x="659" y="1051"/>
                    <a:pt x="636" y="1111"/>
                    <a:pt x="618" y="1170"/>
                  </a:cubicBezTo>
                  <a:cubicBezTo>
                    <a:pt x="430" y="1762"/>
                    <a:pt x="223" y="2346"/>
                    <a:pt x="0" y="2925"/>
                  </a:cubicBezTo>
                  <a:lnTo>
                    <a:pt x="4823" y="1422"/>
                  </a:lnTo>
                  <a:cubicBezTo>
                    <a:pt x="4714" y="853"/>
                    <a:pt x="4382" y="332"/>
                    <a:pt x="3867"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33" name="Google Shape;433;p28"/>
            <p:cNvSpPr/>
            <p:nvPr/>
          </p:nvSpPr>
          <p:spPr>
            <a:xfrm flipH="1">
              <a:off x="5164992" y="2252947"/>
              <a:ext cx="156197" cy="336958"/>
            </a:xfrm>
            <a:custGeom>
              <a:avLst/>
              <a:gdLst/>
              <a:ahLst/>
              <a:cxnLst/>
              <a:rect l="l" t="t" r="r" b="b"/>
              <a:pathLst>
                <a:path w="2475" h="5339" extrusionOk="0">
                  <a:moveTo>
                    <a:pt x="898" y="1"/>
                  </a:moveTo>
                  <a:lnTo>
                    <a:pt x="1" y="280"/>
                  </a:lnTo>
                  <a:lnTo>
                    <a:pt x="1577" y="5339"/>
                  </a:lnTo>
                  <a:lnTo>
                    <a:pt x="2474" y="5060"/>
                  </a:lnTo>
                  <a:lnTo>
                    <a:pt x="898"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34" name="Google Shape;434;p28"/>
            <p:cNvSpPr/>
            <p:nvPr/>
          </p:nvSpPr>
          <p:spPr>
            <a:xfrm flipH="1">
              <a:off x="4702648" y="2218866"/>
              <a:ext cx="819105" cy="1198317"/>
            </a:xfrm>
            <a:custGeom>
              <a:avLst/>
              <a:gdLst/>
              <a:ahLst/>
              <a:cxnLst/>
              <a:rect l="l" t="t" r="r" b="b"/>
              <a:pathLst>
                <a:path w="12979" h="18987" extrusionOk="0">
                  <a:moveTo>
                    <a:pt x="10467" y="0"/>
                  </a:moveTo>
                  <a:cubicBezTo>
                    <a:pt x="9766" y="0"/>
                    <a:pt x="9082" y="340"/>
                    <a:pt x="8673" y="938"/>
                  </a:cubicBezTo>
                  <a:cubicBezTo>
                    <a:pt x="8546" y="1123"/>
                    <a:pt x="8453" y="1318"/>
                    <a:pt x="8389" y="1518"/>
                  </a:cubicBezTo>
                  <a:cubicBezTo>
                    <a:pt x="7777" y="3447"/>
                    <a:pt x="6982" y="5312"/>
                    <a:pt x="5983" y="7072"/>
                  </a:cubicBezTo>
                  <a:lnTo>
                    <a:pt x="5015" y="8781"/>
                  </a:lnTo>
                  <a:cubicBezTo>
                    <a:pt x="3953" y="10653"/>
                    <a:pt x="2739" y="12447"/>
                    <a:pt x="1255" y="14007"/>
                  </a:cubicBezTo>
                  <a:cubicBezTo>
                    <a:pt x="1064" y="14207"/>
                    <a:pt x="899" y="14440"/>
                    <a:pt x="765" y="14700"/>
                  </a:cubicBezTo>
                  <a:cubicBezTo>
                    <a:pt x="0" y="16202"/>
                    <a:pt x="644" y="18052"/>
                    <a:pt x="2209" y="18741"/>
                  </a:cubicBezTo>
                  <a:cubicBezTo>
                    <a:pt x="2588" y="18907"/>
                    <a:pt x="2987" y="18987"/>
                    <a:pt x="3384" y="18987"/>
                  </a:cubicBezTo>
                  <a:cubicBezTo>
                    <a:pt x="4365" y="18987"/>
                    <a:pt x="5323" y="18499"/>
                    <a:pt x="5875" y="17637"/>
                  </a:cubicBezTo>
                  <a:cubicBezTo>
                    <a:pt x="6102" y="17279"/>
                    <a:pt x="6244" y="16897"/>
                    <a:pt x="6307" y="16510"/>
                  </a:cubicBezTo>
                  <a:cubicBezTo>
                    <a:pt x="6613" y="14613"/>
                    <a:pt x="7258" y="12787"/>
                    <a:pt x="8053" y="11038"/>
                  </a:cubicBezTo>
                  <a:lnTo>
                    <a:pt x="9072" y="8796"/>
                  </a:lnTo>
                  <a:cubicBezTo>
                    <a:pt x="9937" y="6894"/>
                    <a:pt x="11058" y="5129"/>
                    <a:pt x="12246" y="3410"/>
                  </a:cubicBezTo>
                  <a:cubicBezTo>
                    <a:pt x="12301" y="3332"/>
                    <a:pt x="12352" y="3248"/>
                    <a:pt x="12396" y="3159"/>
                  </a:cubicBezTo>
                  <a:cubicBezTo>
                    <a:pt x="12978" y="2017"/>
                    <a:pt x="12453" y="601"/>
                    <a:pt x="11217" y="136"/>
                  </a:cubicBezTo>
                  <a:cubicBezTo>
                    <a:pt x="10973" y="44"/>
                    <a:pt x="10719" y="0"/>
                    <a:pt x="10467"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35" name="Google Shape;435;p28"/>
            <p:cNvSpPr/>
            <p:nvPr/>
          </p:nvSpPr>
          <p:spPr>
            <a:xfrm flipH="1">
              <a:off x="4794410" y="2297189"/>
              <a:ext cx="134298" cy="117642"/>
            </a:xfrm>
            <a:custGeom>
              <a:avLst/>
              <a:gdLst/>
              <a:ahLst/>
              <a:cxnLst/>
              <a:rect l="l" t="t" r="r" b="b"/>
              <a:pathLst>
                <a:path w="2128" h="1864" extrusionOk="0">
                  <a:moveTo>
                    <a:pt x="1065" y="0"/>
                  </a:moveTo>
                  <a:cubicBezTo>
                    <a:pt x="726" y="0"/>
                    <a:pt x="399" y="187"/>
                    <a:pt x="234" y="509"/>
                  </a:cubicBezTo>
                  <a:cubicBezTo>
                    <a:pt x="1" y="967"/>
                    <a:pt x="182" y="1529"/>
                    <a:pt x="640" y="1762"/>
                  </a:cubicBezTo>
                  <a:cubicBezTo>
                    <a:pt x="776" y="1831"/>
                    <a:pt x="921" y="1864"/>
                    <a:pt x="1063" y="1864"/>
                  </a:cubicBezTo>
                  <a:cubicBezTo>
                    <a:pt x="1403" y="1864"/>
                    <a:pt x="1730" y="1678"/>
                    <a:pt x="1894" y="1355"/>
                  </a:cubicBezTo>
                  <a:cubicBezTo>
                    <a:pt x="2128" y="897"/>
                    <a:pt x="1945" y="336"/>
                    <a:pt x="1487" y="102"/>
                  </a:cubicBezTo>
                  <a:cubicBezTo>
                    <a:pt x="1351" y="33"/>
                    <a:pt x="1207" y="0"/>
                    <a:pt x="1065"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36" name="Google Shape;436;p28"/>
            <p:cNvSpPr/>
            <p:nvPr/>
          </p:nvSpPr>
          <p:spPr>
            <a:xfrm flipH="1">
              <a:off x="5197493" y="3185119"/>
              <a:ext cx="220128" cy="192809"/>
            </a:xfrm>
            <a:custGeom>
              <a:avLst/>
              <a:gdLst/>
              <a:ahLst/>
              <a:cxnLst/>
              <a:rect l="l" t="t" r="r" b="b"/>
              <a:pathLst>
                <a:path w="3488" h="3055" extrusionOk="0">
                  <a:moveTo>
                    <a:pt x="1746" y="0"/>
                  </a:moveTo>
                  <a:cubicBezTo>
                    <a:pt x="1189" y="0"/>
                    <a:pt x="653" y="305"/>
                    <a:pt x="384" y="834"/>
                  </a:cubicBezTo>
                  <a:cubicBezTo>
                    <a:pt x="0" y="1585"/>
                    <a:pt x="299" y="2505"/>
                    <a:pt x="1050" y="2888"/>
                  </a:cubicBezTo>
                  <a:cubicBezTo>
                    <a:pt x="1272" y="3001"/>
                    <a:pt x="1509" y="3055"/>
                    <a:pt x="1742" y="3055"/>
                  </a:cubicBezTo>
                  <a:cubicBezTo>
                    <a:pt x="2298" y="3055"/>
                    <a:pt x="2835" y="2750"/>
                    <a:pt x="3104" y="2221"/>
                  </a:cubicBezTo>
                  <a:cubicBezTo>
                    <a:pt x="3488" y="1469"/>
                    <a:pt x="3189" y="550"/>
                    <a:pt x="2438" y="167"/>
                  </a:cubicBezTo>
                  <a:cubicBezTo>
                    <a:pt x="2216" y="54"/>
                    <a:pt x="1979" y="0"/>
                    <a:pt x="1746" y="0"/>
                  </a:cubicBezTo>
                  <a:close/>
                </a:path>
              </a:pathLst>
            </a:custGeom>
            <a:solidFill>
              <a:srgbClr val="CC873C"/>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37" name="Google Shape;437;p28"/>
            <p:cNvSpPr/>
            <p:nvPr/>
          </p:nvSpPr>
          <p:spPr>
            <a:xfrm flipH="1">
              <a:off x="5210179" y="3181332"/>
              <a:ext cx="192864" cy="192809"/>
            </a:xfrm>
            <a:custGeom>
              <a:avLst/>
              <a:gdLst/>
              <a:ahLst/>
              <a:cxnLst/>
              <a:rect l="l" t="t" r="r" b="b"/>
              <a:pathLst>
                <a:path w="3056" h="3055" extrusionOk="0">
                  <a:moveTo>
                    <a:pt x="1527" y="0"/>
                  </a:moveTo>
                  <a:cubicBezTo>
                    <a:pt x="684" y="0"/>
                    <a:pt x="1" y="683"/>
                    <a:pt x="1" y="1527"/>
                  </a:cubicBezTo>
                  <a:cubicBezTo>
                    <a:pt x="1" y="2370"/>
                    <a:pt x="684" y="3055"/>
                    <a:pt x="1527" y="3055"/>
                  </a:cubicBezTo>
                  <a:cubicBezTo>
                    <a:pt x="2371" y="3055"/>
                    <a:pt x="3055" y="2370"/>
                    <a:pt x="3055" y="1527"/>
                  </a:cubicBezTo>
                  <a:cubicBezTo>
                    <a:pt x="3055" y="683"/>
                    <a:pt x="2371" y="0"/>
                    <a:pt x="1527" y="0"/>
                  </a:cubicBezTo>
                  <a:close/>
                </a:path>
              </a:pathLst>
            </a:custGeom>
            <a:solidFill>
              <a:srgbClr val="CC873C"/>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38" name="Google Shape;438;p28"/>
            <p:cNvSpPr/>
            <p:nvPr/>
          </p:nvSpPr>
          <p:spPr>
            <a:xfrm flipH="1">
              <a:off x="4999707" y="3361897"/>
              <a:ext cx="128871" cy="269427"/>
            </a:xfrm>
            <a:custGeom>
              <a:avLst/>
              <a:gdLst/>
              <a:ahLst/>
              <a:cxnLst/>
              <a:rect l="l" t="t" r="r" b="b"/>
              <a:pathLst>
                <a:path w="2042" h="4269" extrusionOk="0">
                  <a:moveTo>
                    <a:pt x="0" y="0"/>
                  </a:moveTo>
                  <a:lnTo>
                    <a:pt x="0" y="4269"/>
                  </a:lnTo>
                  <a:lnTo>
                    <a:pt x="2042" y="4269"/>
                  </a:lnTo>
                  <a:lnTo>
                    <a:pt x="768"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39" name="Google Shape;439;p28"/>
            <p:cNvSpPr/>
            <p:nvPr/>
          </p:nvSpPr>
          <p:spPr>
            <a:xfrm flipH="1">
              <a:off x="5484707" y="3361897"/>
              <a:ext cx="128871" cy="269427"/>
            </a:xfrm>
            <a:custGeom>
              <a:avLst/>
              <a:gdLst/>
              <a:ahLst/>
              <a:cxnLst/>
              <a:rect l="l" t="t" r="r" b="b"/>
              <a:pathLst>
                <a:path w="2042" h="4269" extrusionOk="0">
                  <a:moveTo>
                    <a:pt x="1274" y="0"/>
                  </a:moveTo>
                  <a:lnTo>
                    <a:pt x="1" y="4269"/>
                  </a:lnTo>
                  <a:lnTo>
                    <a:pt x="2041" y="4269"/>
                  </a:lnTo>
                  <a:lnTo>
                    <a:pt x="2041" y="0"/>
                  </a:lnTo>
                  <a:close/>
                </a:path>
              </a:pathLst>
            </a:custGeom>
            <a:solidFill>
              <a:srgbClr val="DD9A5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40" name="Google Shape;440;p28"/>
            <p:cNvSpPr/>
            <p:nvPr/>
          </p:nvSpPr>
          <p:spPr>
            <a:xfrm flipH="1">
              <a:off x="5139432" y="3108879"/>
              <a:ext cx="336124" cy="308305"/>
            </a:xfrm>
            <a:custGeom>
              <a:avLst/>
              <a:gdLst/>
              <a:ahLst/>
              <a:cxnLst/>
              <a:rect l="l" t="t" r="r" b="b"/>
              <a:pathLst>
                <a:path w="5326" h="4885" extrusionOk="0">
                  <a:moveTo>
                    <a:pt x="2677" y="1"/>
                  </a:moveTo>
                  <a:cubicBezTo>
                    <a:pt x="2630" y="1"/>
                    <a:pt x="2582" y="2"/>
                    <a:pt x="2534" y="5"/>
                  </a:cubicBezTo>
                  <a:cubicBezTo>
                    <a:pt x="1393" y="68"/>
                    <a:pt x="529" y="931"/>
                    <a:pt x="529" y="1919"/>
                  </a:cubicBezTo>
                  <a:lnTo>
                    <a:pt x="529" y="2506"/>
                  </a:lnTo>
                  <a:cubicBezTo>
                    <a:pt x="529" y="2811"/>
                    <a:pt x="323" y="3092"/>
                    <a:pt x="0" y="3208"/>
                  </a:cubicBezTo>
                  <a:cubicBezTo>
                    <a:pt x="293" y="3821"/>
                    <a:pt x="798" y="4339"/>
                    <a:pt x="1477" y="4639"/>
                  </a:cubicBezTo>
                  <a:cubicBezTo>
                    <a:pt x="1856" y="4805"/>
                    <a:pt x="2255" y="4885"/>
                    <a:pt x="2652" y="4885"/>
                  </a:cubicBezTo>
                  <a:cubicBezTo>
                    <a:pt x="3633" y="4885"/>
                    <a:pt x="4591" y="4397"/>
                    <a:pt x="5143" y="3535"/>
                  </a:cubicBezTo>
                  <a:cubicBezTo>
                    <a:pt x="5213" y="3424"/>
                    <a:pt x="5272" y="3312"/>
                    <a:pt x="5326" y="3198"/>
                  </a:cubicBezTo>
                  <a:cubicBezTo>
                    <a:pt x="5019" y="3075"/>
                    <a:pt x="4824" y="2802"/>
                    <a:pt x="4824" y="2506"/>
                  </a:cubicBezTo>
                  <a:lnTo>
                    <a:pt x="4824" y="1855"/>
                  </a:lnTo>
                  <a:cubicBezTo>
                    <a:pt x="4824" y="831"/>
                    <a:pt x="3863" y="1"/>
                    <a:pt x="2677"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41" name="Google Shape;441;p28"/>
            <p:cNvSpPr/>
            <p:nvPr/>
          </p:nvSpPr>
          <p:spPr>
            <a:xfrm flipH="1">
              <a:off x="5090964" y="3144537"/>
              <a:ext cx="431294" cy="488049"/>
            </a:xfrm>
            <a:custGeom>
              <a:avLst/>
              <a:gdLst/>
              <a:ahLst/>
              <a:cxnLst/>
              <a:rect l="l" t="t" r="r" b="b"/>
              <a:pathLst>
                <a:path w="6834" h="7733" extrusionOk="0">
                  <a:moveTo>
                    <a:pt x="3417" y="1"/>
                  </a:moveTo>
                  <a:cubicBezTo>
                    <a:pt x="3380" y="1"/>
                    <a:pt x="3343" y="2"/>
                    <a:pt x="3306" y="4"/>
                  </a:cubicBezTo>
                  <a:cubicBezTo>
                    <a:pt x="2421" y="61"/>
                    <a:pt x="1751" y="835"/>
                    <a:pt x="1751" y="1723"/>
                  </a:cubicBezTo>
                  <a:lnTo>
                    <a:pt x="1751" y="2251"/>
                  </a:lnTo>
                  <a:cubicBezTo>
                    <a:pt x="1751" y="2536"/>
                    <a:pt x="1577" y="2799"/>
                    <a:pt x="1309" y="2896"/>
                  </a:cubicBezTo>
                  <a:cubicBezTo>
                    <a:pt x="546" y="3166"/>
                    <a:pt x="0" y="3893"/>
                    <a:pt x="0" y="4748"/>
                  </a:cubicBezTo>
                  <a:lnTo>
                    <a:pt x="0" y="7732"/>
                  </a:lnTo>
                  <a:lnTo>
                    <a:pt x="6834" y="7732"/>
                  </a:lnTo>
                  <a:lnTo>
                    <a:pt x="6834" y="4748"/>
                  </a:lnTo>
                  <a:cubicBezTo>
                    <a:pt x="6834" y="3893"/>
                    <a:pt x="6287" y="3166"/>
                    <a:pt x="5525" y="2896"/>
                  </a:cubicBezTo>
                  <a:cubicBezTo>
                    <a:pt x="5255" y="2799"/>
                    <a:pt x="5083" y="2536"/>
                    <a:pt x="5083" y="2251"/>
                  </a:cubicBezTo>
                  <a:lnTo>
                    <a:pt x="5083" y="1667"/>
                  </a:lnTo>
                  <a:cubicBezTo>
                    <a:pt x="5083" y="746"/>
                    <a:pt x="4337" y="1"/>
                    <a:pt x="3417"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42" name="Google Shape;442;p28"/>
            <p:cNvSpPr/>
            <p:nvPr/>
          </p:nvSpPr>
          <p:spPr>
            <a:xfrm flipH="1">
              <a:off x="4947515" y="3631261"/>
              <a:ext cx="718255" cy="77502"/>
            </a:xfrm>
            <a:custGeom>
              <a:avLst/>
              <a:gdLst/>
              <a:ahLst/>
              <a:cxnLst/>
              <a:rect l="l" t="t" r="r" b="b"/>
              <a:pathLst>
                <a:path w="11381" h="1228" extrusionOk="0">
                  <a:moveTo>
                    <a:pt x="1" y="1"/>
                  </a:moveTo>
                  <a:lnTo>
                    <a:pt x="1" y="1228"/>
                  </a:lnTo>
                  <a:lnTo>
                    <a:pt x="11381" y="1228"/>
                  </a:lnTo>
                  <a:lnTo>
                    <a:pt x="11381"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43" name="Google Shape;443;p28"/>
            <p:cNvSpPr/>
            <p:nvPr/>
          </p:nvSpPr>
          <p:spPr>
            <a:xfrm flipH="1">
              <a:off x="5032019" y="3743854"/>
              <a:ext cx="549246" cy="77565"/>
            </a:xfrm>
            <a:custGeom>
              <a:avLst/>
              <a:gdLst/>
              <a:ahLst/>
              <a:cxnLst/>
              <a:rect l="l" t="t" r="r" b="b"/>
              <a:pathLst>
                <a:path w="8703" h="1229" extrusionOk="0">
                  <a:moveTo>
                    <a:pt x="1" y="1"/>
                  </a:moveTo>
                  <a:lnTo>
                    <a:pt x="654" y="1229"/>
                  </a:lnTo>
                  <a:lnTo>
                    <a:pt x="8050" y="1229"/>
                  </a:lnTo>
                  <a:lnTo>
                    <a:pt x="8702"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44" name="Google Shape;444;p28"/>
            <p:cNvSpPr/>
            <p:nvPr/>
          </p:nvSpPr>
          <p:spPr>
            <a:xfrm flipH="1">
              <a:off x="5274929" y="3361897"/>
              <a:ext cx="63362" cy="269364"/>
            </a:xfrm>
            <a:custGeom>
              <a:avLst/>
              <a:gdLst/>
              <a:ahLst/>
              <a:cxnLst/>
              <a:rect l="l" t="t" r="r" b="b"/>
              <a:pathLst>
                <a:path w="1004" h="4268" extrusionOk="0">
                  <a:moveTo>
                    <a:pt x="0" y="0"/>
                  </a:moveTo>
                  <a:lnTo>
                    <a:pt x="0" y="4267"/>
                  </a:lnTo>
                  <a:lnTo>
                    <a:pt x="1004" y="4267"/>
                  </a:lnTo>
                  <a:lnTo>
                    <a:pt x="1004" y="0"/>
                  </a:ln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45" name="Google Shape;445;p28"/>
            <p:cNvSpPr/>
            <p:nvPr/>
          </p:nvSpPr>
          <p:spPr>
            <a:xfrm flipH="1">
              <a:off x="5338229" y="3361897"/>
              <a:ext cx="79329" cy="269427"/>
            </a:xfrm>
            <a:custGeom>
              <a:avLst/>
              <a:gdLst/>
              <a:ahLst/>
              <a:cxnLst/>
              <a:rect l="l" t="t" r="r" b="b"/>
              <a:pathLst>
                <a:path w="1257" h="4269" extrusionOk="0">
                  <a:moveTo>
                    <a:pt x="1256" y="0"/>
                  </a:moveTo>
                  <a:lnTo>
                    <a:pt x="0" y="4269"/>
                  </a:lnTo>
                  <a:lnTo>
                    <a:pt x="1256" y="4269"/>
                  </a:lnTo>
                  <a:lnTo>
                    <a:pt x="1256"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46" name="Google Shape;446;p28"/>
            <p:cNvSpPr/>
            <p:nvPr/>
          </p:nvSpPr>
          <p:spPr>
            <a:xfrm flipH="1">
              <a:off x="5415034" y="3361960"/>
              <a:ext cx="62353" cy="62355"/>
            </a:xfrm>
            <a:custGeom>
              <a:avLst/>
              <a:gdLst/>
              <a:ahLst/>
              <a:cxnLst/>
              <a:rect l="l" t="t" r="r" b="b"/>
              <a:pathLst>
                <a:path w="988" h="988" extrusionOk="0">
                  <a:moveTo>
                    <a:pt x="493" y="0"/>
                  </a:moveTo>
                  <a:cubicBezTo>
                    <a:pt x="221" y="0"/>
                    <a:pt x="0" y="222"/>
                    <a:pt x="0" y="495"/>
                  </a:cubicBezTo>
                  <a:cubicBezTo>
                    <a:pt x="0" y="766"/>
                    <a:pt x="221" y="988"/>
                    <a:pt x="493" y="988"/>
                  </a:cubicBezTo>
                  <a:cubicBezTo>
                    <a:pt x="766" y="988"/>
                    <a:pt x="987" y="766"/>
                    <a:pt x="987" y="495"/>
                  </a:cubicBezTo>
                  <a:cubicBezTo>
                    <a:pt x="987" y="222"/>
                    <a:pt x="766" y="0"/>
                    <a:pt x="493" y="0"/>
                  </a:cubicBezTo>
                  <a:close/>
                </a:path>
              </a:pathLst>
            </a:custGeom>
            <a:solidFill>
              <a:srgbClr val="CC873C"/>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47" name="Google Shape;447;p28"/>
            <p:cNvSpPr/>
            <p:nvPr/>
          </p:nvSpPr>
          <p:spPr>
            <a:xfrm flipH="1">
              <a:off x="5422165" y="3369092"/>
              <a:ext cx="48153" cy="48092"/>
            </a:xfrm>
            <a:custGeom>
              <a:avLst/>
              <a:gdLst/>
              <a:ahLst/>
              <a:cxnLst/>
              <a:rect l="l" t="t" r="r" b="b"/>
              <a:pathLst>
                <a:path w="763" h="762" extrusionOk="0">
                  <a:moveTo>
                    <a:pt x="381" y="0"/>
                  </a:moveTo>
                  <a:cubicBezTo>
                    <a:pt x="171" y="0"/>
                    <a:pt x="1" y="171"/>
                    <a:pt x="1" y="382"/>
                  </a:cubicBezTo>
                  <a:cubicBezTo>
                    <a:pt x="1" y="591"/>
                    <a:pt x="171" y="762"/>
                    <a:pt x="381" y="762"/>
                  </a:cubicBezTo>
                  <a:cubicBezTo>
                    <a:pt x="592" y="762"/>
                    <a:pt x="763" y="591"/>
                    <a:pt x="763" y="382"/>
                  </a:cubicBezTo>
                  <a:cubicBezTo>
                    <a:pt x="763" y="171"/>
                    <a:pt x="592" y="0"/>
                    <a:pt x="381" y="0"/>
                  </a:cubicBez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48" name="Google Shape;448;p28"/>
            <p:cNvSpPr/>
            <p:nvPr/>
          </p:nvSpPr>
          <p:spPr>
            <a:xfrm flipH="1">
              <a:off x="5429107" y="3378306"/>
              <a:ext cx="34269" cy="29726"/>
            </a:xfrm>
            <a:custGeom>
              <a:avLst/>
              <a:gdLst/>
              <a:ahLst/>
              <a:cxnLst/>
              <a:rect l="l" t="t" r="r" b="b"/>
              <a:pathLst>
                <a:path w="543" h="471" extrusionOk="0">
                  <a:moveTo>
                    <a:pt x="136" y="1"/>
                  </a:moveTo>
                  <a:lnTo>
                    <a:pt x="0" y="236"/>
                  </a:lnTo>
                  <a:lnTo>
                    <a:pt x="136" y="470"/>
                  </a:lnTo>
                  <a:lnTo>
                    <a:pt x="407" y="470"/>
                  </a:lnTo>
                  <a:lnTo>
                    <a:pt x="542" y="236"/>
                  </a:lnTo>
                  <a:lnTo>
                    <a:pt x="407" y="1"/>
                  </a:lnTo>
                  <a:close/>
                </a:path>
              </a:pathLst>
            </a:custGeom>
            <a:solidFill>
              <a:srgbClr val="AB672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49" name="Google Shape;449;p28"/>
            <p:cNvSpPr/>
            <p:nvPr/>
          </p:nvSpPr>
          <p:spPr>
            <a:xfrm flipH="1">
              <a:off x="5415034" y="3528325"/>
              <a:ext cx="62353" cy="62355"/>
            </a:xfrm>
            <a:custGeom>
              <a:avLst/>
              <a:gdLst/>
              <a:ahLst/>
              <a:cxnLst/>
              <a:rect l="l" t="t" r="r" b="b"/>
              <a:pathLst>
                <a:path w="988" h="988" extrusionOk="0">
                  <a:moveTo>
                    <a:pt x="493" y="0"/>
                  </a:moveTo>
                  <a:cubicBezTo>
                    <a:pt x="221" y="0"/>
                    <a:pt x="0" y="222"/>
                    <a:pt x="0" y="494"/>
                  </a:cubicBezTo>
                  <a:cubicBezTo>
                    <a:pt x="0" y="766"/>
                    <a:pt x="221" y="988"/>
                    <a:pt x="493" y="988"/>
                  </a:cubicBezTo>
                  <a:cubicBezTo>
                    <a:pt x="766" y="988"/>
                    <a:pt x="987" y="766"/>
                    <a:pt x="987" y="494"/>
                  </a:cubicBezTo>
                  <a:cubicBezTo>
                    <a:pt x="987" y="222"/>
                    <a:pt x="766" y="0"/>
                    <a:pt x="493" y="0"/>
                  </a:cubicBezTo>
                  <a:close/>
                </a:path>
              </a:pathLst>
            </a:custGeom>
            <a:solidFill>
              <a:srgbClr val="CC873C"/>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50" name="Google Shape;450;p28"/>
            <p:cNvSpPr/>
            <p:nvPr/>
          </p:nvSpPr>
          <p:spPr>
            <a:xfrm flipH="1">
              <a:off x="5422165" y="3535456"/>
              <a:ext cx="48153" cy="48092"/>
            </a:xfrm>
            <a:custGeom>
              <a:avLst/>
              <a:gdLst/>
              <a:ahLst/>
              <a:cxnLst/>
              <a:rect l="l" t="t" r="r" b="b"/>
              <a:pathLst>
                <a:path w="763" h="762" extrusionOk="0">
                  <a:moveTo>
                    <a:pt x="381" y="0"/>
                  </a:moveTo>
                  <a:cubicBezTo>
                    <a:pt x="171" y="0"/>
                    <a:pt x="1" y="171"/>
                    <a:pt x="1" y="381"/>
                  </a:cubicBezTo>
                  <a:cubicBezTo>
                    <a:pt x="1" y="591"/>
                    <a:pt x="171" y="762"/>
                    <a:pt x="381" y="762"/>
                  </a:cubicBezTo>
                  <a:cubicBezTo>
                    <a:pt x="592" y="762"/>
                    <a:pt x="763" y="591"/>
                    <a:pt x="763" y="381"/>
                  </a:cubicBezTo>
                  <a:cubicBezTo>
                    <a:pt x="763" y="171"/>
                    <a:pt x="592" y="0"/>
                    <a:pt x="381" y="0"/>
                  </a:cubicBez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51" name="Google Shape;451;p28"/>
            <p:cNvSpPr/>
            <p:nvPr/>
          </p:nvSpPr>
          <p:spPr>
            <a:xfrm flipH="1">
              <a:off x="5429107" y="3544671"/>
              <a:ext cx="34269" cy="29663"/>
            </a:xfrm>
            <a:custGeom>
              <a:avLst/>
              <a:gdLst/>
              <a:ahLst/>
              <a:cxnLst/>
              <a:rect l="l" t="t" r="r" b="b"/>
              <a:pathLst>
                <a:path w="543" h="470" extrusionOk="0">
                  <a:moveTo>
                    <a:pt x="136" y="1"/>
                  </a:moveTo>
                  <a:lnTo>
                    <a:pt x="0" y="235"/>
                  </a:lnTo>
                  <a:lnTo>
                    <a:pt x="136" y="469"/>
                  </a:lnTo>
                  <a:lnTo>
                    <a:pt x="407" y="469"/>
                  </a:lnTo>
                  <a:lnTo>
                    <a:pt x="542" y="235"/>
                  </a:lnTo>
                  <a:lnTo>
                    <a:pt x="407" y="1"/>
                  </a:lnTo>
                  <a:close/>
                </a:path>
              </a:pathLst>
            </a:custGeom>
            <a:solidFill>
              <a:srgbClr val="AB672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52" name="Google Shape;452;p28"/>
            <p:cNvSpPr/>
            <p:nvPr/>
          </p:nvSpPr>
          <p:spPr>
            <a:xfrm flipH="1">
              <a:off x="5135835" y="3361960"/>
              <a:ext cx="62353" cy="62355"/>
            </a:xfrm>
            <a:custGeom>
              <a:avLst/>
              <a:gdLst/>
              <a:ahLst/>
              <a:cxnLst/>
              <a:rect l="l" t="t" r="r" b="b"/>
              <a:pathLst>
                <a:path w="988" h="988" extrusionOk="0">
                  <a:moveTo>
                    <a:pt x="493" y="0"/>
                  </a:moveTo>
                  <a:cubicBezTo>
                    <a:pt x="222" y="0"/>
                    <a:pt x="0" y="222"/>
                    <a:pt x="0" y="495"/>
                  </a:cubicBezTo>
                  <a:cubicBezTo>
                    <a:pt x="0" y="766"/>
                    <a:pt x="222" y="988"/>
                    <a:pt x="493" y="988"/>
                  </a:cubicBezTo>
                  <a:cubicBezTo>
                    <a:pt x="766" y="988"/>
                    <a:pt x="988" y="766"/>
                    <a:pt x="988" y="495"/>
                  </a:cubicBezTo>
                  <a:cubicBezTo>
                    <a:pt x="988" y="222"/>
                    <a:pt x="766" y="0"/>
                    <a:pt x="493"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53" name="Google Shape;453;p28"/>
            <p:cNvSpPr/>
            <p:nvPr/>
          </p:nvSpPr>
          <p:spPr>
            <a:xfrm flipH="1">
              <a:off x="5142966" y="3369092"/>
              <a:ext cx="48090" cy="48092"/>
            </a:xfrm>
            <a:custGeom>
              <a:avLst/>
              <a:gdLst/>
              <a:ahLst/>
              <a:cxnLst/>
              <a:rect l="l" t="t" r="r" b="b"/>
              <a:pathLst>
                <a:path w="762" h="762" extrusionOk="0">
                  <a:moveTo>
                    <a:pt x="380" y="0"/>
                  </a:moveTo>
                  <a:cubicBezTo>
                    <a:pt x="171" y="0"/>
                    <a:pt x="0" y="171"/>
                    <a:pt x="0" y="382"/>
                  </a:cubicBezTo>
                  <a:cubicBezTo>
                    <a:pt x="0" y="591"/>
                    <a:pt x="171" y="762"/>
                    <a:pt x="380" y="762"/>
                  </a:cubicBezTo>
                  <a:cubicBezTo>
                    <a:pt x="591" y="762"/>
                    <a:pt x="762" y="591"/>
                    <a:pt x="762" y="382"/>
                  </a:cubicBezTo>
                  <a:cubicBezTo>
                    <a:pt x="762" y="171"/>
                    <a:pt x="591" y="0"/>
                    <a:pt x="380"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54" name="Google Shape;454;p28"/>
            <p:cNvSpPr/>
            <p:nvPr/>
          </p:nvSpPr>
          <p:spPr>
            <a:xfrm flipH="1">
              <a:off x="5149909" y="3378306"/>
              <a:ext cx="34269" cy="29726"/>
            </a:xfrm>
            <a:custGeom>
              <a:avLst/>
              <a:gdLst/>
              <a:ahLst/>
              <a:cxnLst/>
              <a:rect l="l" t="t" r="r" b="b"/>
              <a:pathLst>
                <a:path w="543" h="471" extrusionOk="0">
                  <a:moveTo>
                    <a:pt x="136" y="1"/>
                  </a:moveTo>
                  <a:lnTo>
                    <a:pt x="1" y="236"/>
                  </a:lnTo>
                  <a:lnTo>
                    <a:pt x="136" y="470"/>
                  </a:lnTo>
                  <a:lnTo>
                    <a:pt x="407" y="470"/>
                  </a:lnTo>
                  <a:lnTo>
                    <a:pt x="542" y="236"/>
                  </a:lnTo>
                  <a:lnTo>
                    <a:pt x="407"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55" name="Google Shape;455;p28"/>
            <p:cNvSpPr/>
            <p:nvPr/>
          </p:nvSpPr>
          <p:spPr>
            <a:xfrm flipH="1">
              <a:off x="5135835" y="3528325"/>
              <a:ext cx="62353" cy="62355"/>
            </a:xfrm>
            <a:custGeom>
              <a:avLst/>
              <a:gdLst/>
              <a:ahLst/>
              <a:cxnLst/>
              <a:rect l="l" t="t" r="r" b="b"/>
              <a:pathLst>
                <a:path w="988" h="988" extrusionOk="0">
                  <a:moveTo>
                    <a:pt x="493" y="0"/>
                  </a:moveTo>
                  <a:cubicBezTo>
                    <a:pt x="222" y="0"/>
                    <a:pt x="0" y="222"/>
                    <a:pt x="0" y="494"/>
                  </a:cubicBezTo>
                  <a:cubicBezTo>
                    <a:pt x="0" y="766"/>
                    <a:pt x="222" y="988"/>
                    <a:pt x="493" y="988"/>
                  </a:cubicBezTo>
                  <a:cubicBezTo>
                    <a:pt x="766" y="988"/>
                    <a:pt x="988" y="766"/>
                    <a:pt x="988" y="494"/>
                  </a:cubicBezTo>
                  <a:cubicBezTo>
                    <a:pt x="988" y="222"/>
                    <a:pt x="766" y="0"/>
                    <a:pt x="493"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56" name="Google Shape;456;p28"/>
            <p:cNvSpPr/>
            <p:nvPr/>
          </p:nvSpPr>
          <p:spPr>
            <a:xfrm flipH="1">
              <a:off x="5142966" y="3535456"/>
              <a:ext cx="48090" cy="48092"/>
            </a:xfrm>
            <a:custGeom>
              <a:avLst/>
              <a:gdLst/>
              <a:ahLst/>
              <a:cxnLst/>
              <a:rect l="l" t="t" r="r" b="b"/>
              <a:pathLst>
                <a:path w="762" h="762" extrusionOk="0">
                  <a:moveTo>
                    <a:pt x="380" y="0"/>
                  </a:moveTo>
                  <a:cubicBezTo>
                    <a:pt x="171" y="0"/>
                    <a:pt x="0" y="171"/>
                    <a:pt x="0" y="381"/>
                  </a:cubicBezTo>
                  <a:cubicBezTo>
                    <a:pt x="0" y="591"/>
                    <a:pt x="171" y="762"/>
                    <a:pt x="380" y="762"/>
                  </a:cubicBezTo>
                  <a:cubicBezTo>
                    <a:pt x="591" y="762"/>
                    <a:pt x="762" y="591"/>
                    <a:pt x="762" y="381"/>
                  </a:cubicBezTo>
                  <a:cubicBezTo>
                    <a:pt x="762" y="171"/>
                    <a:pt x="591" y="0"/>
                    <a:pt x="380"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57" name="Google Shape;457;p28"/>
            <p:cNvSpPr/>
            <p:nvPr/>
          </p:nvSpPr>
          <p:spPr>
            <a:xfrm flipH="1">
              <a:off x="5149909" y="3544671"/>
              <a:ext cx="34269" cy="29663"/>
            </a:xfrm>
            <a:custGeom>
              <a:avLst/>
              <a:gdLst/>
              <a:ahLst/>
              <a:cxnLst/>
              <a:rect l="l" t="t" r="r" b="b"/>
              <a:pathLst>
                <a:path w="543" h="470" extrusionOk="0">
                  <a:moveTo>
                    <a:pt x="136" y="1"/>
                  </a:moveTo>
                  <a:lnTo>
                    <a:pt x="1" y="235"/>
                  </a:lnTo>
                  <a:lnTo>
                    <a:pt x="136" y="469"/>
                  </a:lnTo>
                  <a:lnTo>
                    <a:pt x="407" y="469"/>
                  </a:lnTo>
                  <a:lnTo>
                    <a:pt x="542" y="235"/>
                  </a:lnTo>
                  <a:lnTo>
                    <a:pt x="407"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58" name="Google Shape;458;p28"/>
            <p:cNvSpPr/>
            <p:nvPr/>
          </p:nvSpPr>
          <p:spPr>
            <a:xfrm flipH="1">
              <a:off x="5055433" y="3708700"/>
              <a:ext cx="502419" cy="35217"/>
            </a:xfrm>
            <a:custGeom>
              <a:avLst/>
              <a:gdLst/>
              <a:ahLst/>
              <a:cxnLst/>
              <a:rect l="l" t="t" r="r" b="b"/>
              <a:pathLst>
                <a:path w="7961" h="558" extrusionOk="0">
                  <a:moveTo>
                    <a:pt x="1" y="1"/>
                  </a:moveTo>
                  <a:lnTo>
                    <a:pt x="1" y="558"/>
                  </a:lnTo>
                  <a:lnTo>
                    <a:pt x="7960" y="558"/>
                  </a:lnTo>
                  <a:lnTo>
                    <a:pt x="7960"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59" name="Google Shape;459;p28"/>
            <p:cNvSpPr/>
            <p:nvPr/>
          </p:nvSpPr>
          <p:spPr>
            <a:xfrm flipH="1">
              <a:off x="5066225" y="3715264"/>
              <a:ext cx="9530" cy="22089"/>
            </a:xfrm>
            <a:custGeom>
              <a:avLst/>
              <a:gdLst/>
              <a:ahLst/>
              <a:cxnLst/>
              <a:rect l="l" t="t" r="r" b="b"/>
              <a:pathLst>
                <a:path w="151" h="350" extrusionOk="0">
                  <a:moveTo>
                    <a:pt x="76" y="1"/>
                  </a:moveTo>
                  <a:cubicBezTo>
                    <a:pt x="34" y="1"/>
                    <a:pt x="1" y="35"/>
                    <a:pt x="1" y="76"/>
                  </a:cubicBezTo>
                  <a:lnTo>
                    <a:pt x="1" y="275"/>
                  </a:lnTo>
                  <a:cubicBezTo>
                    <a:pt x="1" y="316"/>
                    <a:pt x="34" y="349"/>
                    <a:pt x="76" y="349"/>
                  </a:cubicBezTo>
                  <a:cubicBezTo>
                    <a:pt x="117" y="349"/>
                    <a:pt x="150" y="316"/>
                    <a:pt x="150" y="275"/>
                  </a:cubicBezTo>
                  <a:lnTo>
                    <a:pt x="150" y="76"/>
                  </a:lnTo>
                  <a:cubicBezTo>
                    <a:pt x="150" y="34"/>
                    <a:pt x="117"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60" name="Google Shape;460;p28"/>
            <p:cNvSpPr/>
            <p:nvPr/>
          </p:nvSpPr>
          <p:spPr>
            <a:xfrm flipH="1">
              <a:off x="5093930" y="3715264"/>
              <a:ext cx="9530" cy="22089"/>
            </a:xfrm>
            <a:custGeom>
              <a:avLst/>
              <a:gdLst/>
              <a:ahLst/>
              <a:cxnLst/>
              <a:rect l="l" t="t" r="r" b="b"/>
              <a:pathLst>
                <a:path w="151" h="350" extrusionOk="0">
                  <a:moveTo>
                    <a:pt x="76" y="1"/>
                  </a:moveTo>
                  <a:cubicBezTo>
                    <a:pt x="34" y="1"/>
                    <a:pt x="0" y="35"/>
                    <a:pt x="0" y="76"/>
                  </a:cubicBezTo>
                  <a:lnTo>
                    <a:pt x="0" y="275"/>
                  </a:lnTo>
                  <a:cubicBezTo>
                    <a:pt x="0" y="316"/>
                    <a:pt x="33" y="349"/>
                    <a:pt x="76" y="349"/>
                  </a:cubicBezTo>
                  <a:cubicBezTo>
                    <a:pt x="117" y="349"/>
                    <a:pt x="150" y="316"/>
                    <a:pt x="150" y="275"/>
                  </a:cubicBezTo>
                  <a:lnTo>
                    <a:pt x="150" y="76"/>
                  </a:lnTo>
                  <a:cubicBezTo>
                    <a:pt x="150" y="34"/>
                    <a:pt x="116"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61" name="Google Shape;461;p28"/>
            <p:cNvSpPr/>
            <p:nvPr/>
          </p:nvSpPr>
          <p:spPr>
            <a:xfrm flipH="1">
              <a:off x="5121698" y="3715264"/>
              <a:ext cx="9530" cy="22089"/>
            </a:xfrm>
            <a:custGeom>
              <a:avLst/>
              <a:gdLst/>
              <a:ahLst/>
              <a:cxnLst/>
              <a:rect l="l" t="t" r="r" b="b"/>
              <a:pathLst>
                <a:path w="151" h="350" extrusionOk="0">
                  <a:moveTo>
                    <a:pt x="76" y="1"/>
                  </a:moveTo>
                  <a:cubicBezTo>
                    <a:pt x="35" y="1"/>
                    <a:pt x="1" y="35"/>
                    <a:pt x="1" y="76"/>
                  </a:cubicBezTo>
                  <a:lnTo>
                    <a:pt x="1" y="275"/>
                  </a:lnTo>
                  <a:cubicBezTo>
                    <a:pt x="1" y="316"/>
                    <a:pt x="35" y="349"/>
                    <a:pt x="76" y="349"/>
                  </a:cubicBezTo>
                  <a:cubicBezTo>
                    <a:pt x="118" y="349"/>
                    <a:pt x="151" y="316"/>
                    <a:pt x="151" y="275"/>
                  </a:cubicBezTo>
                  <a:lnTo>
                    <a:pt x="151" y="76"/>
                  </a:lnTo>
                  <a:cubicBezTo>
                    <a:pt x="151" y="34"/>
                    <a:pt x="117"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62" name="Google Shape;462;p28"/>
            <p:cNvSpPr/>
            <p:nvPr/>
          </p:nvSpPr>
          <p:spPr>
            <a:xfrm flipH="1">
              <a:off x="5149404" y="3715264"/>
              <a:ext cx="9530" cy="22089"/>
            </a:xfrm>
            <a:custGeom>
              <a:avLst/>
              <a:gdLst/>
              <a:ahLst/>
              <a:cxnLst/>
              <a:rect l="l" t="t" r="r" b="b"/>
              <a:pathLst>
                <a:path w="151" h="350" extrusionOk="0">
                  <a:moveTo>
                    <a:pt x="76" y="1"/>
                  </a:moveTo>
                  <a:cubicBezTo>
                    <a:pt x="35" y="1"/>
                    <a:pt x="1" y="35"/>
                    <a:pt x="1" y="76"/>
                  </a:cubicBezTo>
                  <a:lnTo>
                    <a:pt x="1" y="275"/>
                  </a:lnTo>
                  <a:cubicBezTo>
                    <a:pt x="1" y="316"/>
                    <a:pt x="35" y="349"/>
                    <a:pt x="76" y="349"/>
                  </a:cubicBezTo>
                  <a:cubicBezTo>
                    <a:pt x="117" y="349"/>
                    <a:pt x="151" y="316"/>
                    <a:pt x="151" y="275"/>
                  </a:cubicBezTo>
                  <a:lnTo>
                    <a:pt x="151" y="76"/>
                  </a:lnTo>
                  <a:cubicBezTo>
                    <a:pt x="151" y="34"/>
                    <a:pt x="117"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63" name="Google Shape;463;p28"/>
            <p:cNvSpPr/>
            <p:nvPr/>
          </p:nvSpPr>
          <p:spPr>
            <a:xfrm flipH="1">
              <a:off x="5177109" y="3715264"/>
              <a:ext cx="9530" cy="22089"/>
            </a:xfrm>
            <a:custGeom>
              <a:avLst/>
              <a:gdLst/>
              <a:ahLst/>
              <a:cxnLst/>
              <a:rect l="l" t="t" r="r" b="b"/>
              <a:pathLst>
                <a:path w="151" h="350" extrusionOk="0">
                  <a:moveTo>
                    <a:pt x="76" y="1"/>
                  </a:moveTo>
                  <a:cubicBezTo>
                    <a:pt x="34" y="1"/>
                    <a:pt x="0" y="35"/>
                    <a:pt x="0" y="76"/>
                  </a:cubicBezTo>
                  <a:lnTo>
                    <a:pt x="0" y="275"/>
                  </a:lnTo>
                  <a:cubicBezTo>
                    <a:pt x="0" y="316"/>
                    <a:pt x="34" y="349"/>
                    <a:pt x="76" y="349"/>
                  </a:cubicBezTo>
                  <a:cubicBezTo>
                    <a:pt x="117" y="349"/>
                    <a:pt x="150" y="316"/>
                    <a:pt x="150" y="275"/>
                  </a:cubicBezTo>
                  <a:lnTo>
                    <a:pt x="150" y="76"/>
                  </a:lnTo>
                  <a:cubicBezTo>
                    <a:pt x="150" y="34"/>
                    <a:pt x="117"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64" name="Google Shape;464;p28"/>
            <p:cNvSpPr/>
            <p:nvPr/>
          </p:nvSpPr>
          <p:spPr>
            <a:xfrm flipH="1">
              <a:off x="5204877" y="3715264"/>
              <a:ext cx="9467" cy="22089"/>
            </a:xfrm>
            <a:custGeom>
              <a:avLst/>
              <a:gdLst/>
              <a:ahLst/>
              <a:cxnLst/>
              <a:rect l="l" t="t" r="r" b="b"/>
              <a:pathLst>
                <a:path w="150" h="350" extrusionOk="0">
                  <a:moveTo>
                    <a:pt x="75" y="1"/>
                  </a:moveTo>
                  <a:cubicBezTo>
                    <a:pt x="34" y="1"/>
                    <a:pt x="0" y="35"/>
                    <a:pt x="0" y="76"/>
                  </a:cubicBezTo>
                  <a:lnTo>
                    <a:pt x="0" y="275"/>
                  </a:lnTo>
                  <a:cubicBezTo>
                    <a:pt x="0" y="316"/>
                    <a:pt x="34" y="349"/>
                    <a:pt x="75" y="349"/>
                  </a:cubicBezTo>
                  <a:cubicBezTo>
                    <a:pt x="117" y="349"/>
                    <a:pt x="150" y="316"/>
                    <a:pt x="150" y="275"/>
                  </a:cubicBezTo>
                  <a:lnTo>
                    <a:pt x="150" y="76"/>
                  </a:lnTo>
                  <a:cubicBezTo>
                    <a:pt x="150" y="34"/>
                    <a:pt x="117" y="1"/>
                    <a:pt x="75"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65" name="Google Shape;465;p28"/>
            <p:cNvSpPr/>
            <p:nvPr/>
          </p:nvSpPr>
          <p:spPr>
            <a:xfrm flipH="1">
              <a:off x="5232583" y="3715264"/>
              <a:ext cx="9530" cy="22089"/>
            </a:xfrm>
            <a:custGeom>
              <a:avLst/>
              <a:gdLst/>
              <a:ahLst/>
              <a:cxnLst/>
              <a:rect l="l" t="t" r="r" b="b"/>
              <a:pathLst>
                <a:path w="151" h="350" extrusionOk="0">
                  <a:moveTo>
                    <a:pt x="76" y="1"/>
                  </a:moveTo>
                  <a:cubicBezTo>
                    <a:pt x="35" y="1"/>
                    <a:pt x="1" y="35"/>
                    <a:pt x="1" y="76"/>
                  </a:cubicBezTo>
                  <a:lnTo>
                    <a:pt x="1" y="275"/>
                  </a:lnTo>
                  <a:cubicBezTo>
                    <a:pt x="1" y="316"/>
                    <a:pt x="35" y="349"/>
                    <a:pt x="76" y="349"/>
                  </a:cubicBezTo>
                  <a:cubicBezTo>
                    <a:pt x="118" y="349"/>
                    <a:pt x="151" y="316"/>
                    <a:pt x="151" y="275"/>
                  </a:cubicBezTo>
                  <a:lnTo>
                    <a:pt x="151" y="76"/>
                  </a:lnTo>
                  <a:cubicBezTo>
                    <a:pt x="151" y="34"/>
                    <a:pt x="118"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66" name="Google Shape;466;p28"/>
            <p:cNvSpPr/>
            <p:nvPr/>
          </p:nvSpPr>
          <p:spPr>
            <a:xfrm flipH="1">
              <a:off x="5260288" y="3715264"/>
              <a:ext cx="9530" cy="22089"/>
            </a:xfrm>
            <a:custGeom>
              <a:avLst/>
              <a:gdLst/>
              <a:ahLst/>
              <a:cxnLst/>
              <a:rect l="l" t="t" r="r" b="b"/>
              <a:pathLst>
                <a:path w="151" h="350" extrusionOk="0">
                  <a:moveTo>
                    <a:pt x="76" y="1"/>
                  </a:moveTo>
                  <a:cubicBezTo>
                    <a:pt x="35" y="1"/>
                    <a:pt x="0" y="35"/>
                    <a:pt x="0" y="76"/>
                  </a:cubicBezTo>
                  <a:lnTo>
                    <a:pt x="0" y="275"/>
                  </a:lnTo>
                  <a:cubicBezTo>
                    <a:pt x="0" y="316"/>
                    <a:pt x="35" y="349"/>
                    <a:pt x="76" y="349"/>
                  </a:cubicBezTo>
                  <a:cubicBezTo>
                    <a:pt x="117" y="349"/>
                    <a:pt x="150" y="316"/>
                    <a:pt x="150" y="275"/>
                  </a:cubicBezTo>
                  <a:lnTo>
                    <a:pt x="150" y="76"/>
                  </a:lnTo>
                  <a:cubicBezTo>
                    <a:pt x="150" y="34"/>
                    <a:pt x="117"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67" name="Google Shape;467;p28"/>
            <p:cNvSpPr/>
            <p:nvPr/>
          </p:nvSpPr>
          <p:spPr>
            <a:xfrm flipH="1">
              <a:off x="5288056" y="3715264"/>
              <a:ext cx="9467" cy="22089"/>
            </a:xfrm>
            <a:custGeom>
              <a:avLst/>
              <a:gdLst/>
              <a:ahLst/>
              <a:cxnLst/>
              <a:rect l="l" t="t" r="r" b="b"/>
              <a:pathLst>
                <a:path w="150" h="350" extrusionOk="0">
                  <a:moveTo>
                    <a:pt x="76" y="1"/>
                  </a:moveTo>
                  <a:cubicBezTo>
                    <a:pt x="34" y="1"/>
                    <a:pt x="0" y="35"/>
                    <a:pt x="0" y="76"/>
                  </a:cubicBezTo>
                  <a:lnTo>
                    <a:pt x="0" y="275"/>
                  </a:lnTo>
                  <a:cubicBezTo>
                    <a:pt x="0" y="316"/>
                    <a:pt x="34" y="349"/>
                    <a:pt x="76" y="349"/>
                  </a:cubicBezTo>
                  <a:cubicBezTo>
                    <a:pt x="117" y="349"/>
                    <a:pt x="150" y="316"/>
                    <a:pt x="150" y="275"/>
                  </a:cubicBezTo>
                  <a:lnTo>
                    <a:pt x="150" y="76"/>
                  </a:lnTo>
                  <a:cubicBezTo>
                    <a:pt x="150" y="34"/>
                    <a:pt x="117"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68" name="Google Shape;468;p28"/>
            <p:cNvSpPr/>
            <p:nvPr/>
          </p:nvSpPr>
          <p:spPr>
            <a:xfrm flipH="1">
              <a:off x="5315762" y="3715264"/>
              <a:ext cx="9530" cy="22089"/>
            </a:xfrm>
            <a:custGeom>
              <a:avLst/>
              <a:gdLst/>
              <a:ahLst/>
              <a:cxnLst/>
              <a:rect l="l" t="t" r="r" b="b"/>
              <a:pathLst>
                <a:path w="151" h="350" extrusionOk="0">
                  <a:moveTo>
                    <a:pt x="76" y="1"/>
                  </a:moveTo>
                  <a:cubicBezTo>
                    <a:pt x="35" y="1"/>
                    <a:pt x="1" y="35"/>
                    <a:pt x="1" y="76"/>
                  </a:cubicBezTo>
                  <a:lnTo>
                    <a:pt x="1" y="275"/>
                  </a:lnTo>
                  <a:cubicBezTo>
                    <a:pt x="1" y="316"/>
                    <a:pt x="35" y="349"/>
                    <a:pt x="76" y="349"/>
                  </a:cubicBezTo>
                  <a:cubicBezTo>
                    <a:pt x="118" y="349"/>
                    <a:pt x="151" y="316"/>
                    <a:pt x="151" y="275"/>
                  </a:cubicBezTo>
                  <a:lnTo>
                    <a:pt x="151" y="76"/>
                  </a:lnTo>
                  <a:cubicBezTo>
                    <a:pt x="151" y="34"/>
                    <a:pt x="118"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69" name="Google Shape;469;p28"/>
            <p:cNvSpPr/>
            <p:nvPr/>
          </p:nvSpPr>
          <p:spPr>
            <a:xfrm flipH="1">
              <a:off x="5343467" y="3715264"/>
              <a:ext cx="9530" cy="22089"/>
            </a:xfrm>
            <a:custGeom>
              <a:avLst/>
              <a:gdLst/>
              <a:ahLst/>
              <a:cxnLst/>
              <a:rect l="l" t="t" r="r" b="b"/>
              <a:pathLst>
                <a:path w="151" h="350" extrusionOk="0">
                  <a:moveTo>
                    <a:pt x="76" y="1"/>
                  </a:moveTo>
                  <a:cubicBezTo>
                    <a:pt x="35" y="1"/>
                    <a:pt x="0" y="35"/>
                    <a:pt x="0" y="76"/>
                  </a:cubicBezTo>
                  <a:lnTo>
                    <a:pt x="0" y="275"/>
                  </a:lnTo>
                  <a:cubicBezTo>
                    <a:pt x="0" y="316"/>
                    <a:pt x="35" y="349"/>
                    <a:pt x="76" y="349"/>
                  </a:cubicBezTo>
                  <a:cubicBezTo>
                    <a:pt x="117" y="349"/>
                    <a:pt x="150" y="316"/>
                    <a:pt x="150" y="275"/>
                  </a:cubicBezTo>
                  <a:lnTo>
                    <a:pt x="150" y="76"/>
                  </a:lnTo>
                  <a:cubicBezTo>
                    <a:pt x="150" y="34"/>
                    <a:pt x="117"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70" name="Google Shape;470;p28"/>
            <p:cNvSpPr/>
            <p:nvPr/>
          </p:nvSpPr>
          <p:spPr>
            <a:xfrm flipH="1">
              <a:off x="5371172" y="3715264"/>
              <a:ext cx="9530" cy="22089"/>
            </a:xfrm>
            <a:custGeom>
              <a:avLst/>
              <a:gdLst/>
              <a:ahLst/>
              <a:cxnLst/>
              <a:rect l="l" t="t" r="r" b="b"/>
              <a:pathLst>
                <a:path w="151" h="350" extrusionOk="0">
                  <a:moveTo>
                    <a:pt x="76" y="1"/>
                  </a:moveTo>
                  <a:cubicBezTo>
                    <a:pt x="34" y="1"/>
                    <a:pt x="0" y="35"/>
                    <a:pt x="0" y="76"/>
                  </a:cubicBezTo>
                  <a:lnTo>
                    <a:pt x="0" y="275"/>
                  </a:lnTo>
                  <a:cubicBezTo>
                    <a:pt x="0" y="316"/>
                    <a:pt x="34" y="349"/>
                    <a:pt x="76" y="349"/>
                  </a:cubicBezTo>
                  <a:cubicBezTo>
                    <a:pt x="117" y="349"/>
                    <a:pt x="150" y="316"/>
                    <a:pt x="150" y="275"/>
                  </a:cubicBezTo>
                  <a:lnTo>
                    <a:pt x="150" y="76"/>
                  </a:lnTo>
                  <a:cubicBezTo>
                    <a:pt x="150" y="34"/>
                    <a:pt x="117"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71" name="Google Shape;471;p28"/>
            <p:cNvSpPr/>
            <p:nvPr/>
          </p:nvSpPr>
          <p:spPr>
            <a:xfrm flipH="1">
              <a:off x="5398941" y="3715264"/>
              <a:ext cx="9530" cy="22089"/>
            </a:xfrm>
            <a:custGeom>
              <a:avLst/>
              <a:gdLst/>
              <a:ahLst/>
              <a:cxnLst/>
              <a:rect l="l" t="t" r="r" b="b"/>
              <a:pathLst>
                <a:path w="151" h="350" extrusionOk="0">
                  <a:moveTo>
                    <a:pt x="76" y="1"/>
                  </a:moveTo>
                  <a:cubicBezTo>
                    <a:pt x="35" y="1"/>
                    <a:pt x="1" y="35"/>
                    <a:pt x="1" y="76"/>
                  </a:cubicBezTo>
                  <a:lnTo>
                    <a:pt x="1" y="275"/>
                  </a:lnTo>
                  <a:cubicBezTo>
                    <a:pt x="1" y="316"/>
                    <a:pt x="35" y="349"/>
                    <a:pt x="76" y="349"/>
                  </a:cubicBezTo>
                  <a:cubicBezTo>
                    <a:pt x="118" y="349"/>
                    <a:pt x="151" y="316"/>
                    <a:pt x="151" y="275"/>
                  </a:cubicBezTo>
                  <a:lnTo>
                    <a:pt x="151" y="76"/>
                  </a:lnTo>
                  <a:cubicBezTo>
                    <a:pt x="151" y="34"/>
                    <a:pt x="118" y="1"/>
                    <a:pt x="7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72" name="Google Shape;472;p28"/>
            <p:cNvSpPr/>
            <p:nvPr/>
          </p:nvSpPr>
          <p:spPr>
            <a:xfrm flipH="1">
              <a:off x="5426646" y="3715264"/>
              <a:ext cx="9530" cy="22089"/>
            </a:xfrm>
            <a:custGeom>
              <a:avLst/>
              <a:gdLst/>
              <a:ahLst/>
              <a:cxnLst/>
              <a:rect l="l" t="t" r="r" b="b"/>
              <a:pathLst>
                <a:path w="151" h="350" extrusionOk="0">
                  <a:moveTo>
                    <a:pt x="76" y="1"/>
                  </a:moveTo>
                  <a:cubicBezTo>
                    <a:pt x="35" y="1"/>
                    <a:pt x="1" y="35"/>
                    <a:pt x="1" y="76"/>
                  </a:cubicBezTo>
                  <a:lnTo>
                    <a:pt x="1" y="275"/>
                  </a:lnTo>
                  <a:cubicBezTo>
                    <a:pt x="1" y="316"/>
                    <a:pt x="35" y="349"/>
                    <a:pt x="76" y="349"/>
                  </a:cubicBezTo>
                  <a:cubicBezTo>
                    <a:pt x="117" y="349"/>
                    <a:pt x="150" y="316"/>
                    <a:pt x="150" y="275"/>
                  </a:cubicBezTo>
                  <a:lnTo>
                    <a:pt x="150" y="76"/>
                  </a:lnTo>
                  <a:cubicBezTo>
                    <a:pt x="150" y="34"/>
                    <a:pt x="117" y="1"/>
                    <a:pt x="76"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73" name="Google Shape;473;p28"/>
            <p:cNvSpPr/>
            <p:nvPr/>
          </p:nvSpPr>
          <p:spPr>
            <a:xfrm flipH="1">
              <a:off x="5454288" y="3715264"/>
              <a:ext cx="9593" cy="22089"/>
            </a:xfrm>
            <a:custGeom>
              <a:avLst/>
              <a:gdLst/>
              <a:ahLst/>
              <a:cxnLst/>
              <a:rect l="l" t="t" r="r" b="b"/>
              <a:pathLst>
                <a:path w="152" h="350" extrusionOk="0">
                  <a:moveTo>
                    <a:pt x="76" y="1"/>
                  </a:moveTo>
                  <a:cubicBezTo>
                    <a:pt x="34" y="1"/>
                    <a:pt x="1" y="35"/>
                    <a:pt x="1" y="76"/>
                  </a:cubicBezTo>
                  <a:lnTo>
                    <a:pt x="1" y="275"/>
                  </a:lnTo>
                  <a:cubicBezTo>
                    <a:pt x="0" y="316"/>
                    <a:pt x="34" y="349"/>
                    <a:pt x="76" y="349"/>
                  </a:cubicBezTo>
                  <a:cubicBezTo>
                    <a:pt x="117" y="349"/>
                    <a:pt x="151" y="316"/>
                    <a:pt x="151" y="275"/>
                  </a:cubicBezTo>
                  <a:lnTo>
                    <a:pt x="151" y="76"/>
                  </a:lnTo>
                  <a:cubicBezTo>
                    <a:pt x="151" y="34"/>
                    <a:pt x="117" y="1"/>
                    <a:pt x="76"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74" name="Google Shape;474;p28"/>
            <p:cNvSpPr/>
            <p:nvPr/>
          </p:nvSpPr>
          <p:spPr>
            <a:xfrm flipH="1">
              <a:off x="5482056" y="3715264"/>
              <a:ext cx="9530" cy="22089"/>
            </a:xfrm>
            <a:custGeom>
              <a:avLst/>
              <a:gdLst/>
              <a:ahLst/>
              <a:cxnLst/>
              <a:rect l="l" t="t" r="r" b="b"/>
              <a:pathLst>
                <a:path w="151" h="350" extrusionOk="0">
                  <a:moveTo>
                    <a:pt x="75" y="1"/>
                  </a:moveTo>
                  <a:cubicBezTo>
                    <a:pt x="34" y="1"/>
                    <a:pt x="1" y="35"/>
                    <a:pt x="1" y="76"/>
                  </a:cubicBezTo>
                  <a:lnTo>
                    <a:pt x="1" y="275"/>
                  </a:lnTo>
                  <a:cubicBezTo>
                    <a:pt x="1" y="316"/>
                    <a:pt x="34" y="349"/>
                    <a:pt x="75" y="349"/>
                  </a:cubicBezTo>
                  <a:cubicBezTo>
                    <a:pt x="117" y="349"/>
                    <a:pt x="151" y="316"/>
                    <a:pt x="151" y="275"/>
                  </a:cubicBezTo>
                  <a:lnTo>
                    <a:pt x="151" y="76"/>
                  </a:lnTo>
                  <a:cubicBezTo>
                    <a:pt x="151" y="34"/>
                    <a:pt x="117" y="1"/>
                    <a:pt x="75"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75" name="Google Shape;475;p28"/>
            <p:cNvSpPr/>
            <p:nvPr/>
          </p:nvSpPr>
          <p:spPr>
            <a:xfrm flipH="1">
              <a:off x="5509762" y="3715264"/>
              <a:ext cx="9530" cy="22089"/>
            </a:xfrm>
            <a:custGeom>
              <a:avLst/>
              <a:gdLst/>
              <a:ahLst/>
              <a:cxnLst/>
              <a:rect l="l" t="t" r="r" b="b"/>
              <a:pathLst>
                <a:path w="151" h="350" extrusionOk="0">
                  <a:moveTo>
                    <a:pt x="75" y="1"/>
                  </a:moveTo>
                  <a:cubicBezTo>
                    <a:pt x="34" y="1"/>
                    <a:pt x="1" y="35"/>
                    <a:pt x="1" y="76"/>
                  </a:cubicBezTo>
                  <a:lnTo>
                    <a:pt x="1" y="275"/>
                  </a:lnTo>
                  <a:cubicBezTo>
                    <a:pt x="1" y="316"/>
                    <a:pt x="34" y="349"/>
                    <a:pt x="75" y="349"/>
                  </a:cubicBezTo>
                  <a:cubicBezTo>
                    <a:pt x="116" y="349"/>
                    <a:pt x="150" y="316"/>
                    <a:pt x="150" y="275"/>
                  </a:cubicBezTo>
                  <a:lnTo>
                    <a:pt x="150" y="76"/>
                  </a:lnTo>
                  <a:cubicBezTo>
                    <a:pt x="150" y="34"/>
                    <a:pt x="116" y="1"/>
                    <a:pt x="75"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76" name="Google Shape;476;p28"/>
            <p:cNvSpPr/>
            <p:nvPr/>
          </p:nvSpPr>
          <p:spPr>
            <a:xfrm flipH="1">
              <a:off x="5537467" y="3715264"/>
              <a:ext cx="9530" cy="22089"/>
            </a:xfrm>
            <a:custGeom>
              <a:avLst/>
              <a:gdLst/>
              <a:ahLst/>
              <a:cxnLst/>
              <a:rect l="l" t="t" r="r" b="b"/>
              <a:pathLst>
                <a:path w="151" h="350" extrusionOk="0">
                  <a:moveTo>
                    <a:pt x="75" y="1"/>
                  </a:moveTo>
                  <a:cubicBezTo>
                    <a:pt x="33" y="1"/>
                    <a:pt x="0" y="35"/>
                    <a:pt x="0" y="76"/>
                  </a:cubicBezTo>
                  <a:lnTo>
                    <a:pt x="0" y="275"/>
                  </a:lnTo>
                  <a:cubicBezTo>
                    <a:pt x="0" y="316"/>
                    <a:pt x="33" y="349"/>
                    <a:pt x="75" y="349"/>
                  </a:cubicBezTo>
                  <a:cubicBezTo>
                    <a:pt x="116" y="349"/>
                    <a:pt x="150" y="316"/>
                    <a:pt x="150" y="275"/>
                  </a:cubicBezTo>
                  <a:lnTo>
                    <a:pt x="150" y="76"/>
                  </a:lnTo>
                  <a:cubicBezTo>
                    <a:pt x="150" y="34"/>
                    <a:pt x="116" y="1"/>
                    <a:pt x="75"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77" name="Google Shape;477;p28"/>
            <p:cNvSpPr/>
            <p:nvPr/>
          </p:nvSpPr>
          <p:spPr>
            <a:xfrm flipH="1">
              <a:off x="4896837" y="3872414"/>
              <a:ext cx="833683" cy="177788"/>
            </a:xfrm>
            <a:custGeom>
              <a:avLst/>
              <a:gdLst/>
              <a:ahLst/>
              <a:cxnLst/>
              <a:rect l="l" t="t" r="r" b="b"/>
              <a:pathLst>
                <a:path w="13210" h="2817" extrusionOk="0">
                  <a:moveTo>
                    <a:pt x="3019" y="0"/>
                  </a:moveTo>
                  <a:lnTo>
                    <a:pt x="1" y="1409"/>
                  </a:lnTo>
                  <a:lnTo>
                    <a:pt x="1" y="2817"/>
                  </a:lnTo>
                  <a:lnTo>
                    <a:pt x="13208" y="2817"/>
                  </a:lnTo>
                  <a:lnTo>
                    <a:pt x="13210" y="1409"/>
                  </a:lnTo>
                  <a:lnTo>
                    <a:pt x="10415"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78" name="Google Shape;478;p28"/>
            <p:cNvSpPr/>
            <p:nvPr/>
          </p:nvSpPr>
          <p:spPr>
            <a:xfrm flipH="1">
              <a:off x="5073230" y="3821356"/>
              <a:ext cx="466888" cy="51121"/>
            </a:xfrm>
            <a:custGeom>
              <a:avLst/>
              <a:gdLst/>
              <a:ahLst/>
              <a:cxnLst/>
              <a:rect l="l" t="t" r="r" b="b"/>
              <a:pathLst>
                <a:path w="7398" h="810" extrusionOk="0">
                  <a:moveTo>
                    <a:pt x="1" y="1"/>
                  </a:moveTo>
                  <a:lnTo>
                    <a:pt x="1" y="809"/>
                  </a:lnTo>
                  <a:lnTo>
                    <a:pt x="7398" y="809"/>
                  </a:lnTo>
                  <a:lnTo>
                    <a:pt x="7398"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79" name="Google Shape;479;p28"/>
            <p:cNvSpPr/>
            <p:nvPr/>
          </p:nvSpPr>
          <p:spPr>
            <a:xfrm flipH="1">
              <a:off x="5244826" y="3185497"/>
              <a:ext cx="123569" cy="123574"/>
            </a:xfrm>
            <a:custGeom>
              <a:avLst/>
              <a:gdLst/>
              <a:ahLst/>
              <a:cxnLst/>
              <a:rect l="l" t="t" r="r" b="b"/>
              <a:pathLst>
                <a:path w="1958" h="1958" extrusionOk="0">
                  <a:moveTo>
                    <a:pt x="978" y="0"/>
                  </a:moveTo>
                  <a:cubicBezTo>
                    <a:pt x="439" y="0"/>
                    <a:pt x="1" y="438"/>
                    <a:pt x="1" y="978"/>
                  </a:cubicBezTo>
                  <a:cubicBezTo>
                    <a:pt x="1" y="1519"/>
                    <a:pt x="439" y="1957"/>
                    <a:pt x="978" y="1957"/>
                  </a:cubicBezTo>
                  <a:cubicBezTo>
                    <a:pt x="1519" y="1957"/>
                    <a:pt x="1957" y="1519"/>
                    <a:pt x="1957" y="978"/>
                  </a:cubicBezTo>
                  <a:cubicBezTo>
                    <a:pt x="1957" y="438"/>
                    <a:pt x="1519" y="0"/>
                    <a:pt x="978"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80" name="Google Shape;480;p28"/>
            <p:cNvSpPr/>
            <p:nvPr/>
          </p:nvSpPr>
          <p:spPr>
            <a:xfrm flipH="1">
              <a:off x="5901675" y="2586938"/>
              <a:ext cx="193937" cy="140362"/>
            </a:xfrm>
            <a:custGeom>
              <a:avLst/>
              <a:gdLst/>
              <a:ahLst/>
              <a:cxnLst/>
              <a:rect l="l" t="t" r="r" b="b"/>
              <a:pathLst>
                <a:path w="3073" h="2224" extrusionOk="0">
                  <a:moveTo>
                    <a:pt x="2636" y="0"/>
                  </a:moveTo>
                  <a:lnTo>
                    <a:pt x="0" y="822"/>
                  </a:lnTo>
                  <a:lnTo>
                    <a:pt x="436" y="2224"/>
                  </a:lnTo>
                  <a:lnTo>
                    <a:pt x="3072" y="1402"/>
                  </a:lnTo>
                  <a:lnTo>
                    <a:pt x="2636" y="0"/>
                  </a:ln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81" name="Google Shape;481;p28"/>
            <p:cNvSpPr/>
            <p:nvPr/>
          </p:nvSpPr>
          <p:spPr>
            <a:xfrm flipH="1">
              <a:off x="5920292" y="2593060"/>
              <a:ext cx="175130" cy="134240"/>
            </a:xfrm>
            <a:custGeom>
              <a:avLst/>
              <a:gdLst/>
              <a:ahLst/>
              <a:cxnLst/>
              <a:rect l="l" t="t" r="r" b="b"/>
              <a:pathLst>
                <a:path w="2775" h="2127" extrusionOk="0">
                  <a:moveTo>
                    <a:pt x="2326" y="1"/>
                  </a:moveTo>
                  <a:lnTo>
                    <a:pt x="0" y="725"/>
                  </a:lnTo>
                  <a:lnTo>
                    <a:pt x="437" y="2127"/>
                  </a:lnTo>
                  <a:lnTo>
                    <a:pt x="2766" y="1401"/>
                  </a:lnTo>
                  <a:cubicBezTo>
                    <a:pt x="2775" y="1159"/>
                    <a:pt x="2745" y="912"/>
                    <a:pt x="2668" y="668"/>
                  </a:cubicBezTo>
                  <a:cubicBezTo>
                    <a:pt x="2592" y="421"/>
                    <a:pt x="2473" y="198"/>
                    <a:pt x="2326" y="1"/>
                  </a:cubicBezTo>
                  <a:close/>
                </a:path>
              </a:pathLst>
            </a:custGeom>
            <a:solidFill>
              <a:srgbClr val="DD9A5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82" name="Google Shape;482;p28"/>
            <p:cNvSpPr/>
            <p:nvPr/>
          </p:nvSpPr>
          <p:spPr>
            <a:xfrm flipH="1">
              <a:off x="5919914" y="2541561"/>
              <a:ext cx="314225" cy="280914"/>
            </a:xfrm>
            <a:custGeom>
              <a:avLst/>
              <a:gdLst/>
              <a:ahLst/>
              <a:cxnLst/>
              <a:rect l="l" t="t" r="r" b="b"/>
              <a:pathLst>
                <a:path w="4979" h="4451" extrusionOk="0">
                  <a:moveTo>
                    <a:pt x="2490" y="0"/>
                  </a:moveTo>
                  <a:cubicBezTo>
                    <a:pt x="2271" y="0"/>
                    <a:pt x="2048" y="33"/>
                    <a:pt x="1828" y="101"/>
                  </a:cubicBezTo>
                  <a:cubicBezTo>
                    <a:pt x="656" y="467"/>
                    <a:pt x="1" y="1714"/>
                    <a:pt x="366" y="2887"/>
                  </a:cubicBezTo>
                  <a:cubicBezTo>
                    <a:pt x="664" y="3840"/>
                    <a:pt x="1541" y="4450"/>
                    <a:pt x="2489" y="4450"/>
                  </a:cubicBezTo>
                  <a:cubicBezTo>
                    <a:pt x="2708" y="4450"/>
                    <a:pt x="2932" y="4417"/>
                    <a:pt x="3152" y="4349"/>
                  </a:cubicBezTo>
                  <a:cubicBezTo>
                    <a:pt x="4324" y="3984"/>
                    <a:pt x="4979" y="2736"/>
                    <a:pt x="4614" y="1564"/>
                  </a:cubicBezTo>
                  <a:cubicBezTo>
                    <a:pt x="4317" y="611"/>
                    <a:pt x="3438" y="0"/>
                    <a:pt x="2490" y="0"/>
                  </a:cubicBez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83" name="Google Shape;483;p28"/>
            <p:cNvSpPr/>
            <p:nvPr/>
          </p:nvSpPr>
          <p:spPr>
            <a:xfrm flipH="1">
              <a:off x="6199743" y="2661285"/>
              <a:ext cx="74470" cy="141309"/>
            </a:xfrm>
            <a:custGeom>
              <a:avLst/>
              <a:gdLst/>
              <a:ahLst/>
              <a:cxnLst/>
              <a:rect l="l" t="t" r="r" b="b"/>
              <a:pathLst>
                <a:path w="1180" h="2239" extrusionOk="0">
                  <a:moveTo>
                    <a:pt x="533" y="1"/>
                  </a:moveTo>
                  <a:lnTo>
                    <a:pt x="1" y="167"/>
                  </a:lnTo>
                  <a:lnTo>
                    <a:pt x="647" y="2239"/>
                  </a:lnTo>
                  <a:lnTo>
                    <a:pt x="1179" y="2073"/>
                  </a:lnTo>
                  <a:lnTo>
                    <a:pt x="533" y="1"/>
                  </a:lnTo>
                  <a:close/>
                </a:path>
              </a:pathLst>
            </a:custGeom>
            <a:solidFill>
              <a:srgbClr val="AEAEA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84" name="Google Shape;484;p28"/>
            <p:cNvSpPr/>
            <p:nvPr/>
          </p:nvSpPr>
          <p:spPr>
            <a:xfrm flipH="1">
              <a:off x="6208894" y="2778548"/>
              <a:ext cx="22656" cy="13254"/>
            </a:xfrm>
            <a:custGeom>
              <a:avLst/>
              <a:gdLst/>
              <a:ahLst/>
              <a:cxnLst/>
              <a:rect l="l" t="t" r="r" b="b"/>
              <a:pathLst>
                <a:path w="359" h="210" extrusionOk="0">
                  <a:moveTo>
                    <a:pt x="275" y="1"/>
                  </a:moveTo>
                  <a:cubicBezTo>
                    <a:pt x="267" y="1"/>
                    <a:pt x="260" y="2"/>
                    <a:pt x="252" y="4"/>
                  </a:cubicBezTo>
                  <a:lnTo>
                    <a:pt x="62" y="63"/>
                  </a:lnTo>
                  <a:cubicBezTo>
                    <a:pt x="23" y="76"/>
                    <a:pt x="1" y="117"/>
                    <a:pt x="13" y="157"/>
                  </a:cubicBezTo>
                  <a:cubicBezTo>
                    <a:pt x="23" y="189"/>
                    <a:pt x="52" y="209"/>
                    <a:pt x="84" y="209"/>
                  </a:cubicBezTo>
                  <a:cubicBezTo>
                    <a:pt x="91" y="209"/>
                    <a:pt x="99" y="208"/>
                    <a:pt x="106" y="206"/>
                  </a:cubicBezTo>
                  <a:lnTo>
                    <a:pt x="297" y="147"/>
                  </a:lnTo>
                  <a:cubicBezTo>
                    <a:pt x="336" y="135"/>
                    <a:pt x="359" y="93"/>
                    <a:pt x="346" y="53"/>
                  </a:cubicBezTo>
                  <a:cubicBezTo>
                    <a:pt x="336" y="21"/>
                    <a:pt x="306" y="1"/>
                    <a:pt x="275"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85" name="Google Shape;485;p28"/>
            <p:cNvSpPr/>
            <p:nvPr/>
          </p:nvSpPr>
          <p:spPr>
            <a:xfrm flipH="1">
              <a:off x="6217162" y="2752104"/>
              <a:ext cx="22656" cy="13254"/>
            </a:xfrm>
            <a:custGeom>
              <a:avLst/>
              <a:gdLst/>
              <a:ahLst/>
              <a:cxnLst/>
              <a:rect l="l" t="t" r="r" b="b"/>
              <a:pathLst>
                <a:path w="359" h="210" extrusionOk="0">
                  <a:moveTo>
                    <a:pt x="274" y="0"/>
                  </a:moveTo>
                  <a:cubicBezTo>
                    <a:pt x="267" y="0"/>
                    <a:pt x="259" y="1"/>
                    <a:pt x="252" y="4"/>
                  </a:cubicBezTo>
                  <a:lnTo>
                    <a:pt x="63" y="63"/>
                  </a:lnTo>
                  <a:cubicBezTo>
                    <a:pt x="23" y="75"/>
                    <a:pt x="1" y="117"/>
                    <a:pt x="13" y="157"/>
                  </a:cubicBezTo>
                  <a:cubicBezTo>
                    <a:pt x="23" y="189"/>
                    <a:pt x="53" y="210"/>
                    <a:pt x="85" y="210"/>
                  </a:cubicBezTo>
                  <a:cubicBezTo>
                    <a:pt x="92" y="210"/>
                    <a:pt x="100" y="209"/>
                    <a:pt x="107" y="206"/>
                  </a:cubicBezTo>
                  <a:lnTo>
                    <a:pt x="296" y="146"/>
                  </a:lnTo>
                  <a:cubicBezTo>
                    <a:pt x="337" y="134"/>
                    <a:pt x="358" y="93"/>
                    <a:pt x="346" y="52"/>
                  </a:cubicBezTo>
                  <a:cubicBezTo>
                    <a:pt x="336" y="21"/>
                    <a:pt x="306" y="0"/>
                    <a:pt x="274" y="0"/>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86" name="Google Shape;486;p28"/>
            <p:cNvSpPr/>
            <p:nvPr/>
          </p:nvSpPr>
          <p:spPr>
            <a:xfrm flipH="1">
              <a:off x="6225429" y="2725597"/>
              <a:ext cx="22593" cy="13317"/>
            </a:xfrm>
            <a:custGeom>
              <a:avLst/>
              <a:gdLst/>
              <a:ahLst/>
              <a:cxnLst/>
              <a:rect l="l" t="t" r="r" b="b"/>
              <a:pathLst>
                <a:path w="358" h="211" extrusionOk="0">
                  <a:moveTo>
                    <a:pt x="274" y="1"/>
                  </a:moveTo>
                  <a:cubicBezTo>
                    <a:pt x="266" y="1"/>
                    <a:pt x="259" y="2"/>
                    <a:pt x="252" y="4"/>
                  </a:cubicBezTo>
                  <a:lnTo>
                    <a:pt x="61" y="63"/>
                  </a:lnTo>
                  <a:cubicBezTo>
                    <a:pt x="22" y="75"/>
                    <a:pt x="0" y="118"/>
                    <a:pt x="13" y="157"/>
                  </a:cubicBezTo>
                  <a:cubicBezTo>
                    <a:pt x="23" y="189"/>
                    <a:pt x="52" y="210"/>
                    <a:pt x="84" y="210"/>
                  </a:cubicBezTo>
                  <a:cubicBezTo>
                    <a:pt x="92" y="210"/>
                    <a:pt x="99" y="209"/>
                    <a:pt x="107" y="207"/>
                  </a:cubicBezTo>
                  <a:lnTo>
                    <a:pt x="296" y="148"/>
                  </a:lnTo>
                  <a:cubicBezTo>
                    <a:pt x="335" y="135"/>
                    <a:pt x="358" y="93"/>
                    <a:pt x="346" y="54"/>
                  </a:cubicBezTo>
                  <a:cubicBezTo>
                    <a:pt x="336" y="22"/>
                    <a:pt x="306" y="1"/>
                    <a:pt x="274"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87" name="Google Shape;487;p28"/>
            <p:cNvSpPr/>
            <p:nvPr/>
          </p:nvSpPr>
          <p:spPr>
            <a:xfrm flipH="1">
              <a:off x="6233697" y="2699089"/>
              <a:ext cx="22530" cy="13317"/>
            </a:xfrm>
            <a:custGeom>
              <a:avLst/>
              <a:gdLst/>
              <a:ahLst/>
              <a:cxnLst/>
              <a:rect l="l" t="t" r="r" b="b"/>
              <a:pathLst>
                <a:path w="357" h="211" extrusionOk="0">
                  <a:moveTo>
                    <a:pt x="273" y="1"/>
                  </a:moveTo>
                  <a:cubicBezTo>
                    <a:pt x="266" y="1"/>
                    <a:pt x="259" y="2"/>
                    <a:pt x="251" y="4"/>
                  </a:cubicBezTo>
                  <a:lnTo>
                    <a:pt x="61" y="64"/>
                  </a:lnTo>
                  <a:cubicBezTo>
                    <a:pt x="22" y="77"/>
                    <a:pt x="0" y="118"/>
                    <a:pt x="11" y="157"/>
                  </a:cubicBezTo>
                  <a:cubicBezTo>
                    <a:pt x="22" y="190"/>
                    <a:pt x="51" y="210"/>
                    <a:pt x="83" y="210"/>
                  </a:cubicBezTo>
                  <a:cubicBezTo>
                    <a:pt x="91" y="210"/>
                    <a:pt x="98" y="209"/>
                    <a:pt x="106" y="207"/>
                  </a:cubicBezTo>
                  <a:lnTo>
                    <a:pt x="296" y="148"/>
                  </a:lnTo>
                  <a:cubicBezTo>
                    <a:pt x="335" y="136"/>
                    <a:pt x="357" y="93"/>
                    <a:pt x="344" y="54"/>
                  </a:cubicBezTo>
                  <a:cubicBezTo>
                    <a:pt x="334" y="22"/>
                    <a:pt x="305" y="1"/>
                    <a:pt x="273"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88" name="Google Shape;488;p28"/>
            <p:cNvSpPr/>
            <p:nvPr/>
          </p:nvSpPr>
          <p:spPr>
            <a:xfrm flipH="1">
              <a:off x="6241901" y="2672708"/>
              <a:ext cx="22656" cy="13191"/>
            </a:xfrm>
            <a:custGeom>
              <a:avLst/>
              <a:gdLst/>
              <a:ahLst/>
              <a:cxnLst/>
              <a:rect l="l" t="t" r="r" b="b"/>
              <a:pathLst>
                <a:path w="359" h="209" extrusionOk="0">
                  <a:moveTo>
                    <a:pt x="275" y="0"/>
                  </a:moveTo>
                  <a:cubicBezTo>
                    <a:pt x="267" y="0"/>
                    <a:pt x="260" y="1"/>
                    <a:pt x="252" y="4"/>
                  </a:cubicBezTo>
                  <a:lnTo>
                    <a:pt x="63" y="63"/>
                  </a:lnTo>
                  <a:cubicBezTo>
                    <a:pt x="23" y="75"/>
                    <a:pt x="1" y="117"/>
                    <a:pt x="13" y="157"/>
                  </a:cubicBezTo>
                  <a:cubicBezTo>
                    <a:pt x="23" y="189"/>
                    <a:pt x="52" y="209"/>
                    <a:pt x="84" y="209"/>
                  </a:cubicBezTo>
                  <a:cubicBezTo>
                    <a:pt x="92" y="209"/>
                    <a:pt x="100" y="208"/>
                    <a:pt x="107" y="205"/>
                  </a:cubicBezTo>
                  <a:lnTo>
                    <a:pt x="296" y="146"/>
                  </a:lnTo>
                  <a:cubicBezTo>
                    <a:pt x="337" y="134"/>
                    <a:pt x="358" y="93"/>
                    <a:pt x="346" y="52"/>
                  </a:cubicBezTo>
                  <a:cubicBezTo>
                    <a:pt x="336" y="21"/>
                    <a:pt x="306" y="0"/>
                    <a:pt x="275" y="0"/>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89" name="Google Shape;489;p28"/>
            <p:cNvSpPr/>
            <p:nvPr/>
          </p:nvSpPr>
          <p:spPr>
            <a:xfrm flipH="1">
              <a:off x="5248171" y="2355947"/>
              <a:ext cx="561174" cy="309251"/>
            </a:xfrm>
            <a:custGeom>
              <a:avLst/>
              <a:gdLst/>
              <a:ahLst/>
              <a:cxnLst/>
              <a:rect l="l" t="t" r="r" b="b"/>
              <a:pathLst>
                <a:path w="8892" h="4900" extrusionOk="0">
                  <a:moveTo>
                    <a:pt x="8157" y="0"/>
                  </a:moveTo>
                  <a:lnTo>
                    <a:pt x="1" y="2541"/>
                  </a:lnTo>
                  <a:lnTo>
                    <a:pt x="736" y="4900"/>
                  </a:lnTo>
                  <a:lnTo>
                    <a:pt x="8892" y="2358"/>
                  </a:lnTo>
                  <a:lnTo>
                    <a:pt x="8157"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90" name="Google Shape;490;p28"/>
            <p:cNvSpPr/>
            <p:nvPr/>
          </p:nvSpPr>
          <p:spPr>
            <a:xfrm flipH="1">
              <a:off x="5754439" y="2488735"/>
              <a:ext cx="107098" cy="218432"/>
            </a:xfrm>
            <a:custGeom>
              <a:avLst/>
              <a:gdLst/>
              <a:ahLst/>
              <a:cxnLst/>
              <a:rect l="l" t="t" r="r" b="b"/>
              <a:pathLst>
                <a:path w="1697" h="3461" extrusionOk="0">
                  <a:moveTo>
                    <a:pt x="684" y="1"/>
                  </a:moveTo>
                  <a:lnTo>
                    <a:pt x="1" y="214"/>
                  </a:lnTo>
                  <a:lnTo>
                    <a:pt x="1013" y="3460"/>
                  </a:lnTo>
                  <a:lnTo>
                    <a:pt x="1696" y="3247"/>
                  </a:lnTo>
                  <a:lnTo>
                    <a:pt x="684"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91" name="Google Shape;491;p28"/>
            <p:cNvSpPr/>
            <p:nvPr/>
          </p:nvSpPr>
          <p:spPr>
            <a:xfrm flipH="1">
              <a:off x="5753745" y="2513476"/>
              <a:ext cx="55221" cy="151596"/>
            </a:xfrm>
            <a:custGeom>
              <a:avLst/>
              <a:gdLst/>
              <a:ahLst/>
              <a:cxnLst/>
              <a:rect l="l" t="t" r="r" b="b"/>
              <a:pathLst>
                <a:path w="875" h="2402" extrusionOk="0">
                  <a:moveTo>
                    <a:pt x="140" y="0"/>
                  </a:moveTo>
                  <a:lnTo>
                    <a:pt x="0" y="44"/>
                  </a:lnTo>
                  <a:lnTo>
                    <a:pt x="735" y="2402"/>
                  </a:lnTo>
                  <a:lnTo>
                    <a:pt x="875" y="2358"/>
                  </a:lnTo>
                  <a:lnTo>
                    <a:pt x="140"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92" name="Google Shape;492;p28"/>
            <p:cNvSpPr/>
            <p:nvPr/>
          </p:nvSpPr>
          <p:spPr>
            <a:xfrm flipH="1">
              <a:off x="5840395" y="2515432"/>
              <a:ext cx="107035" cy="218495"/>
            </a:xfrm>
            <a:custGeom>
              <a:avLst/>
              <a:gdLst/>
              <a:ahLst/>
              <a:cxnLst/>
              <a:rect l="l" t="t" r="r" b="b"/>
              <a:pathLst>
                <a:path w="1696" h="3462" extrusionOk="0">
                  <a:moveTo>
                    <a:pt x="684" y="0"/>
                  </a:moveTo>
                  <a:lnTo>
                    <a:pt x="1" y="213"/>
                  </a:lnTo>
                  <a:lnTo>
                    <a:pt x="1013" y="3461"/>
                  </a:lnTo>
                  <a:lnTo>
                    <a:pt x="1696" y="3248"/>
                  </a:lnTo>
                  <a:lnTo>
                    <a:pt x="684"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93" name="Google Shape;493;p28"/>
            <p:cNvSpPr/>
            <p:nvPr/>
          </p:nvSpPr>
          <p:spPr>
            <a:xfrm flipH="1">
              <a:off x="5790664" y="2480846"/>
              <a:ext cx="120225" cy="260781"/>
            </a:xfrm>
            <a:custGeom>
              <a:avLst/>
              <a:gdLst/>
              <a:ahLst/>
              <a:cxnLst/>
              <a:rect l="l" t="t" r="r" b="b"/>
              <a:pathLst>
                <a:path w="1905" h="4132" extrusionOk="0">
                  <a:moveTo>
                    <a:pt x="684" y="1"/>
                  </a:moveTo>
                  <a:lnTo>
                    <a:pt x="0" y="214"/>
                  </a:lnTo>
                  <a:lnTo>
                    <a:pt x="1221" y="4131"/>
                  </a:lnTo>
                  <a:lnTo>
                    <a:pt x="1904" y="3918"/>
                  </a:lnTo>
                  <a:lnTo>
                    <a:pt x="684"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94" name="Google Shape;494;p28"/>
            <p:cNvSpPr/>
            <p:nvPr/>
          </p:nvSpPr>
          <p:spPr>
            <a:xfrm flipH="1">
              <a:off x="5840458" y="2515053"/>
              <a:ext cx="72703" cy="207766"/>
            </a:xfrm>
            <a:custGeom>
              <a:avLst/>
              <a:gdLst/>
              <a:ahLst/>
              <a:cxnLst/>
              <a:rect l="l" t="t" r="r" b="b"/>
              <a:pathLst>
                <a:path w="1152" h="3292" extrusionOk="0">
                  <a:moveTo>
                    <a:pt x="141" y="0"/>
                  </a:moveTo>
                  <a:lnTo>
                    <a:pt x="0" y="45"/>
                  </a:lnTo>
                  <a:lnTo>
                    <a:pt x="1012" y="3291"/>
                  </a:lnTo>
                  <a:lnTo>
                    <a:pt x="1152" y="3248"/>
                  </a:lnTo>
                  <a:lnTo>
                    <a:pt x="141"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95" name="Google Shape;495;p28"/>
            <p:cNvSpPr/>
            <p:nvPr/>
          </p:nvSpPr>
          <p:spPr>
            <a:xfrm flipH="1">
              <a:off x="5976839" y="2592114"/>
              <a:ext cx="244046" cy="206062"/>
            </a:xfrm>
            <a:custGeom>
              <a:avLst/>
              <a:gdLst/>
              <a:ahLst/>
              <a:cxnLst/>
              <a:rect l="l" t="t" r="r" b="b"/>
              <a:pathLst>
                <a:path w="3867" h="3265" extrusionOk="0">
                  <a:moveTo>
                    <a:pt x="2379" y="1"/>
                  </a:moveTo>
                  <a:cubicBezTo>
                    <a:pt x="2255" y="1"/>
                    <a:pt x="2128" y="19"/>
                    <a:pt x="2004" y="58"/>
                  </a:cubicBezTo>
                  <a:lnTo>
                    <a:pt x="208" y="618"/>
                  </a:lnTo>
                  <a:cubicBezTo>
                    <a:pt x="31" y="1071"/>
                    <a:pt x="0" y="1585"/>
                    <a:pt x="156" y="2086"/>
                  </a:cubicBezTo>
                  <a:cubicBezTo>
                    <a:pt x="313" y="2586"/>
                    <a:pt x="630" y="2991"/>
                    <a:pt x="1033" y="3264"/>
                  </a:cubicBezTo>
                  <a:lnTo>
                    <a:pt x="2829" y="2705"/>
                  </a:lnTo>
                  <a:cubicBezTo>
                    <a:pt x="3494" y="2497"/>
                    <a:pt x="3866" y="1789"/>
                    <a:pt x="3659" y="1124"/>
                  </a:cubicBezTo>
                  <a:lnTo>
                    <a:pt x="3585" y="888"/>
                  </a:lnTo>
                  <a:cubicBezTo>
                    <a:pt x="3416" y="347"/>
                    <a:pt x="2917" y="1"/>
                    <a:pt x="2379" y="1"/>
                  </a:cubicBezTo>
                  <a:close/>
                </a:path>
              </a:pathLst>
            </a:custGeom>
            <a:solidFill>
              <a:srgbClr val="DD9A5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96" name="Google Shape;496;p28"/>
            <p:cNvSpPr/>
            <p:nvPr/>
          </p:nvSpPr>
          <p:spPr>
            <a:xfrm flipH="1">
              <a:off x="6002525" y="2614456"/>
              <a:ext cx="237798" cy="177094"/>
            </a:xfrm>
            <a:custGeom>
              <a:avLst/>
              <a:gdLst/>
              <a:ahLst/>
              <a:cxnLst/>
              <a:rect l="l" t="t" r="r" b="b"/>
              <a:pathLst>
                <a:path w="3768" h="2806" extrusionOk="0">
                  <a:moveTo>
                    <a:pt x="2561" y="0"/>
                  </a:moveTo>
                  <a:cubicBezTo>
                    <a:pt x="2455" y="0"/>
                    <a:pt x="2347" y="16"/>
                    <a:pt x="2240" y="49"/>
                  </a:cubicBezTo>
                  <a:lnTo>
                    <a:pt x="0" y="747"/>
                  </a:lnTo>
                  <a:lnTo>
                    <a:pt x="642" y="2806"/>
                  </a:lnTo>
                  <a:lnTo>
                    <a:pt x="2881" y="2108"/>
                  </a:lnTo>
                  <a:cubicBezTo>
                    <a:pt x="3450" y="1931"/>
                    <a:pt x="3767" y="1327"/>
                    <a:pt x="3590" y="758"/>
                  </a:cubicBezTo>
                  <a:cubicBezTo>
                    <a:pt x="3446" y="296"/>
                    <a:pt x="3020" y="0"/>
                    <a:pt x="2561" y="0"/>
                  </a:cubicBez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97" name="Google Shape;497;p28"/>
            <p:cNvSpPr/>
            <p:nvPr/>
          </p:nvSpPr>
          <p:spPr>
            <a:xfrm flipH="1">
              <a:off x="6031240" y="2641089"/>
              <a:ext cx="91510" cy="81857"/>
            </a:xfrm>
            <a:custGeom>
              <a:avLst/>
              <a:gdLst/>
              <a:ahLst/>
              <a:cxnLst/>
              <a:rect l="l" t="t" r="r" b="b"/>
              <a:pathLst>
                <a:path w="1450" h="1297" extrusionOk="0">
                  <a:moveTo>
                    <a:pt x="725" y="1"/>
                  </a:moveTo>
                  <a:cubicBezTo>
                    <a:pt x="661" y="1"/>
                    <a:pt x="597" y="10"/>
                    <a:pt x="532" y="30"/>
                  </a:cubicBezTo>
                  <a:cubicBezTo>
                    <a:pt x="191" y="137"/>
                    <a:pt x="0" y="500"/>
                    <a:pt x="106" y="841"/>
                  </a:cubicBezTo>
                  <a:cubicBezTo>
                    <a:pt x="193" y="1118"/>
                    <a:pt x="449" y="1296"/>
                    <a:pt x="725" y="1296"/>
                  </a:cubicBezTo>
                  <a:cubicBezTo>
                    <a:pt x="789" y="1296"/>
                    <a:pt x="854" y="1287"/>
                    <a:pt x="918" y="1267"/>
                  </a:cubicBezTo>
                  <a:cubicBezTo>
                    <a:pt x="1259" y="1160"/>
                    <a:pt x="1449" y="797"/>
                    <a:pt x="1343" y="455"/>
                  </a:cubicBezTo>
                  <a:cubicBezTo>
                    <a:pt x="1256" y="178"/>
                    <a:pt x="1001" y="1"/>
                    <a:pt x="725" y="1"/>
                  </a:cubicBezTo>
                  <a:close/>
                </a:path>
              </a:pathLst>
            </a:custGeom>
            <a:solidFill>
              <a:srgbClr val="CC873C"/>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98" name="Google Shape;498;p28"/>
            <p:cNvSpPr/>
            <p:nvPr/>
          </p:nvSpPr>
          <p:spPr>
            <a:xfrm flipH="1">
              <a:off x="6233633" y="2671888"/>
              <a:ext cx="85199" cy="143897"/>
            </a:xfrm>
            <a:custGeom>
              <a:avLst/>
              <a:gdLst/>
              <a:ahLst/>
              <a:cxnLst/>
              <a:rect l="l" t="t" r="r" b="b"/>
              <a:pathLst>
                <a:path w="1350" h="2280" extrusionOk="0">
                  <a:moveTo>
                    <a:pt x="708" y="0"/>
                  </a:moveTo>
                  <a:lnTo>
                    <a:pt x="1" y="220"/>
                  </a:lnTo>
                  <a:lnTo>
                    <a:pt x="643" y="2279"/>
                  </a:lnTo>
                  <a:lnTo>
                    <a:pt x="1350" y="2059"/>
                  </a:lnTo>
                  <a:lnTo>
                    <a:pt x="708" y="0"/>
                  </a:ln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499" name="Google Shape;499;p28"/>
            <p:cNvSpPr/>
            <p:nvPr/>
          </p:nvSpPr>
          <p:spPr>
            <a:xfrm flipH="1">
              <a:off x="6282670" y="2699594"/>
              <a:ext cx="60270" cy="110510"/>
            </a:xfrm>
            <a:custGeom>
              <a:avLst/>
              <a:gdLst/>
              <a:ahLst/>
              <a:cxnLst/>
              <a:rect l="l" t="t" r="r" b="b"/>
              <a:pathLst>
                <a:path w="955" h="1751" extrusionOk="0">
                  <a:moveTo>
                    <a:pt x="453" y="1"/>
                  </a:moveTo>
                  <a:lnTo>
                    <a:pt x="0" y="142"/>
                  </a:lnTo>
                  <a:lnTo>
                    <a:pt x="502" y="1751"/>
                  </a:lnTo>
                  <a:lnTo>
                    <a:pt x="954" y="1609"/>
                  </a:lnTo>
                  <a:lnTo>
                    <a:pt x="453" y="1"/>
                  </a:ln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00" name="Google Shape;500;p28"/>
            <p:cNvSpPr/>
            <p:nvPr/>
          </p:nvSpPr>
          <p:spPr>
            <a:xfrm flipH="1">
              <a:off x="6266956" y="2672330"/>
              <a:ext cx="51876" cy="37047"/>
            </a:xfrm>
            <a:custGeom>
              <a:avLst/>
              <a:gdLst/>
              <a:ahLst/>
              <a:cxnLst/>
              <a:rect l="l" t="t" r="r" b="b"/>
              <a:pathLst>
                <a:path w="822" h="587" extrusionOk="0">
                  <a:moveTo>
                    <a:pt x="708" y="0"/>
                  </a:moveTo>
                  <a:lnTo>
                    <a:pt x="1" y="222"/>
                  </a:lnTo>
                  <a:lnTo>
                    <a:pt x="115" y="587"/>
                  </a:lnTo>
                  <a:lnTo>
                    <a:pt x="822" y="365"/>
                  </a:lnTo>
                  <a:lnTo>
                    <a:pt x="708" y="0"/>
                  </a:lnTo>
                  <a:close/>
                </a:path>
              </a:pathLst>
            </a:custGeom>
            <a:solidFill>
              <a:srgbClr val="F8C289"/>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01" name="Google Shape;501;p28"/>
            <p:cNvSpPr/>
            <p:nvPr/>
          </p:nvSpPr>
          <p:spPr>
            <a:xfrm flipH="1">
              <a:off x="6233633" y="2778800"/>
              <a:ext cx="51813" cy="36984"/>
            </a:xfrm>
            <a:custGeom>
              <a:avLst/>
              <a:gdLst/>
              <a:ahLst/>
              <a:cxnLst/>
              <a:rect l="l" t="t" r="r" b="b"/>
              <a:pathLst>
                <a:path w="821" h="586" extrusionOk="0">
                  <a:moveTo>
                    <a:pt x="707" y="0"/>
                  </a:moveTo>
                  <a:lnTo>
                    <a:pt x="0" y="221"/>
                  </a:lnTo>
                  <a:lnTo>
                    <a:pt x="114" y="585"/>
                  </a:lnTo>
                  <a:lnTo>
                    <a:pt x="821" y="365"/>
                  </a:lnTo>
                  <a:lnTo>
                    <a:pt x="707" y="0"/>
                  </a:lnTo>
                  <a:close/>
                </a:path>
              </a:pathLst>
            </a:custGeom>
            <a:solidFill>
              <a:srgbClr val="DD9A5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02" name="Google Shape;502;p28"/>
            <p:cNvSpPr/>
            <p:nvPr/>
          </p:nvSpPr>
          <p:spPr>
            <a:xfrm flipH="1">
              <a:off x="6307220" y="2871765"/>
              <a:ext cx="328803" cy="164092"/>
            </a:xfrm>
            <a:custGeom>
              <a:avLst/>
              <a:gdLst/>
              <a:ahLst/>
              <a:cxnLst/>
              <a:rect l="l" t="t" r="r" b="b"/>
              <a:pathLst>
                <a:path w="5210" h="2600" extrusionOk="0">
                  <a:moveTo>
                    <a:pt x="5210" y="0"/>
                  </a:moveTo>
                  <a:lnTo>
                    <a:pt x="4012" y="374"/>
                  </a:lnTo>
                  <a:lnTo>
                    <a:pt x="3983" y="657"/>
                  </a:lnTo>
                  <a:cubicBezTo>
                    <a:pt x="3964" y="836"/>
                    <a:pt x="3842" y="987"/>
                    <a:pt x="3672" y="1041"/>
                  </a:cubicBezTo>
                  <a:lnTo>
                    <a:pt x="1649" y="1694"/>
                  </a:lnTo>
                  <a:cubicBezTo>
                    <a:pt x="1604" y="1708"/>
                    <a:pt x="1557" y="1715"/>
                    <a:pt x="1511" y="1715"/>
                  </a:cubicBezTo>
                  <a:cubicBezTo>
                    <a:pt x="1450" y="1715"/>
                    <a:pt x="1390" y="1703"/>
                    <a:pt x="1333" y="1679"/>
                  </a:cubicBezTo>
                  <a:lnTo>
                    <a:pt x="609" y="1372"/>
                  </a:lnTo>
                  <a:cubicBezTo>
                    <a:pt x="561" y="1352"/>
                    <a:pt x="509" y="1342"/>
                    <a:pt x="458" y="1342"/>
                  </a:cubicBezTo>
                  <a:cubicBezTo>
                    <a:pt x="420" y="1342"/>
                    <a:pt x="382" y="1347"/>
                    <a:pt x="345" y="1359"/>
                  </a:cubicBezTo>
                  <a:lnTo>
                    <a:pt x="170" y="1413"/>
                  </a:lnTo>
                  <a:cubicBezTo>
                    <a:pt x="42" y="1454"/>
                    <a:pt x="0" y="1613"/>
                    <a:pt x="92" y="1710"/>
                  </a:cubicBezTo>
                  <a:lnTo>
                    <a:pt x="771" y="2431"/>
                  </a:lnTo>
                  <a:cubicBezTo>
                    <a:pt x="874" y="2540"/>
                    <a:pt x="1017" y="2600"/>
                    <a:pt x="1164" y="2600"/>
                  </a:cubicBezTo>
                  <a:cubicBezTo>
                    <a:pt x="1204" y="2600"/>
                    <a:pt x="1245" y="2595"/>
                    <a:pt x="1286" y="2586"/>
                  </a:cubicBezTo>
                  <a:lnTo>
                    <a:pt x="4482" y="1842"/>
                  </a:lnTo>
                  <a:cubicBezTo>
                    <a:pt x="4642" y="1805"/>
                    <a:pt x="4769" y="1682"/>
                    <a:pt x="4811" y="1523"/>
                  </a:cubicBezTo>
                  <a:lnTo>
                    <a:pt x="5074" y="503"/>
                  </a:lnTo>
                  <a:lnTo>
                    <a:pt x="5210" y="0"/>
                  </a:lnTo>
                  <a:close/>
                </a:path>
              </a:pathLst>
            </a:custGeom>
            <a:solidFill>
              <a:srgbClr val="AEAEA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03" name="Google Shape;503;p28"/>
            <p:cNvSpPr/>
            <p:nvPr/>
          </p:nvSpPr>
          <p:spPr>
            <a:xfrm flipH="1">
              <a:off x="6307346" y="2871765"/>
              <a:ext cx="78067" cy="49733"/>
            </a:xfrm>
            <a:custGeom>
              <a:avLst/>
              <a:gdLst/>
              <a:ahLst/>
              <a:cxnLst/>
              <a:rect l="l" t="t" r="r" b="b"/>
              <a:pathLst>
                <a:path w="1237" h="788" extrusionOk="0">
                  <a:moveTo>
                    <a:pt x="1237" y="0"/>
                  </a:moveTo>
                  <a:lnTo>
                    <a:pt x="41" y="374"/>
                  </a:lnTo>
                  <a:lnTo>
                    <a:pt x="12" y="657"/>
                  </a:lnTo>
                  <a:cubicBezTo>
                    <a:pt x="10" y="679"/>
                    <a:pt x="6" y="700"/>
                    <a:pt x="0" y="721"/>
                  </a:cubicBezTo>
                  <a:lnTo>
                    <a:pt x="993" y="787"/>
                  </a:lnTo>
                  <a:cubicBezTo>
                    <a:pt x="1006" y="787"/>
                    <a:pt x="1019" y="783"/>
                    <a:pt x="1032" y="781"/>
                  </a:cubicBezTo>
                  <a:lnTo>
                    <a:pt x="1103" y="503"/>
                  </a:lnTo>
                  <a:lnTo>
                    <a:pt x="1237" y="11"/>
                  </a:lnTo>
                  <a:lnTo>
                    <a:pt x="1237" y="0"/>
                  </a:lnTo>
                  <a:close/>
                </a:path>
              </a:pathLst>
            </a:custGeom>
            <a:solidFill>
              <a:srgbClr val="95959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04" name="Google Shape;504;p28"/>
            <p:cNvSpPr/>
            <p:nvPr/>
          </p:nvSpPr>
          <p:spPr>
            <a:xfrm flipH="1">
              <a:off x="6301350" y="2783534"/>
              <a:ext cx="90500" cy="128308"/>
            </a:xfrm>
            <a:custGeom>
              <a:avLst/>
              <a:gdLst/>
              <a:ahLst/>
              <a:cxnLst/>
              <a:rect l="l" t="t" r="r" b="b"/>
              <a:pathLst>
                <a:path w="1434" h="2033" extrusionOk="0">
                  <a:moveTo>
                    <a:pt x="108" y="1"/>
                  </a:moveTo>
                  <a:lnTo>
                    <a:pt x="245" y="797"/>
                  </a:lnTo>
                  <a:cubicBezTo>
                    <a:pt x="273" y="956"/>
                    <a:pt x="261" y="1119"/>
                    <a:pt x="209" y="1273"/>
                  </a:cubicBezTo>
                  <a:lnTo>
                    <a:pt x="22" y="1824"/>
                  </a:lnTo>
                  <a:cubicBezTo>
                    <a:pt x="0" y="1889"/>
                    <a:pt x="46" y="1958"/>
                    <a:pt x="114" y="1962"/>
                  </a:cubicBezTo>
                  <a:lnTo>
                    <a:pt x="1174" y="2032"/>
                  </a:lnTo>
                  <a:cubicBezTo>
                    <a:pt x="1179" y="2032"/>
                    <a:pt x="1183" y="2033"/>
                    <a:pt x="1188" y="2033"/>
                  </a:cubicBezTo>
                  <a:cubicBezTo>
                    <a:pt x="1288" y="2033"/>
                    <a:pt x="1372" y="1954"/>
                    <a:pt x="1379" y="1853"/>
                  </a:cubicBezTo>
                  <a:lnTo>
                    <a:pt x="1427" y="1135"/>
                  </a:lnTo>
                  <a:cubicBezTo>
                    <a:pt x="1434" y="1019"/>
                    <a:pt x="1421" y="902"/>
                    <a:pt x="1387" y="791"/>
                  </a:cubicBezTo>
                  <a:lnTo>
                    <a:pt x="1204" y="184"/>
                  </a:lnTo>
                  <a:lnTo>
                    <a:pt x="108" y="1"/>
                  </a:ln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05" name="Google Shape;505;p28"/>
            <p:cNvSpPr/>
            <p:nvPr/>
          </p:nvSpPr>
          <p:spPr>
            <a:xfrm flipH="1">
              <a:off x="6374179" y="2584982"/>
              <a:ext cx="328361" cy="179429"/>
            </a:xfrm>
            <a:custGeom>
              <a:avLst/>
              <a:gdLst/>
              <a:ahLst/>
              <a:cxnLst/>
              <a:rect l="l" t="t" r="r" b="b"/>
              <a:pathLst>
                <a:path w="5203" h="2843" extrusionOk="0">
                  <a:moveTo>
                    <a:pt x="3718" y="1"/>
                  </a:moveTo>
                  <a:cubicBezTo>
                    <a:pt x="3663" y="1"/>
                    <a:pt x="3608" y="11"/>
                    <a:pt x="3556" y="31"/>
                  </a:cubicBezTo>
                  <a:lnTo>
                    <a:pt x="503" y="1236"/>
                  </a:lnTo>
                  <a:cubicBezTo>
                    <a:pt x="325" y="1306"/>
                    <a:pt x="197" y="1466"/>
                    <a:pt x="168" y="1656"/>
                  </a:cubicBezTo>
                  <a:lnTo>
                    <a:pt x="18" y="2634"/>
                  </a:lnTo>
                  <a:cubicBezTo>
                    <a:pt x="1" y="2747"/>
                    <a:pt x="89" y="2842"/>
                    <a:pt x="196" y="2842"/>
                  </a:cubicBezTo>
                  <a:cubicBezTo>
                    <a:pt x="214" y="2842"/>
                    <a:pt x="232" y="2840"/>
                    <a:pt x="251" y="2834"/>
                  </a:cubicBezTo>
                  <a:lnTo>
                    <a:pt x="426" y="2780"/>
                  </a:lnTo>
                  <a:cubicBezTo>
                    <a:pt x="512" y="2752"/>
                    <a:pt x="587" y="2696"/>
                    <a:pt x="635" y="2619"/>
                  </a:cubicBezTo>
                  <a:lnTo>
                    <a:pt x="1058" y="1954"/>
                  </a:lnTo>
                  <a:cubicBezTo>
                    <a:pt x="1116" y="1863"/>
                    <a:pt x="1205" y="1795"/>
                    <a:pt x="1309" y="1764"/>
                  </a:cubicBezTo>
                  <a:lnTo>
                    <a:pt x="3345" y="1152"/>
                  </a:lnTo>
                  <a:cubicBezTo>
                    <a:pt x="3388" y="1139"/>
                    <a:pt x="3432" y="1133"/>
                    <a:pt x="3476" y="1133"/>
                  </a:cubicBezTo>
                  <a:cubicBezTo>
                    <a:pt x="3606" y="1133"/>
                    <a:pt x="3732" y="1188"/>
                    <a:pt x="3819" y="1290"/>
                  </a:cubicBezTo>
                  <a:lnTo>
                    <a:pt x="4004" y="1507"/>
                  </a:lnTo>
                  <a:lnTo>
                    <a:pt x="5202" y="1134"/>
                  </a:lnTo>
                  <a:lnTo>
                    <a:pt x="4804" y="797"/>
                  </a:lnTo>
                  <a:lnTo>
                    <a:pt x="4008" y="109"/>
                  </a:lnTo>
                  <a:cubicBezTo>
                    <a:pt x="3926" y="38"/>
                    <a:pt x="3823" y="1"/>
                    <a:pt x="3718" y="1"/>
                  </a:cubicBezTo>
                  <a:close/>
                </a:path>
              </a:pathLst>
            </a:custGeom>
            <a:solidFill>
              <a:srgbClr val="AEAEA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06" name="Google Shape;506;p28"/>
            <p:cNvSpPr/>
            <p:nvPr/>
          </p:nvSpPr>
          <p:spPr>
            <a:xfrm flipH="1">
              <a:off x="6374306" y="2623418"/>
              <a:ext cx="90121" cy="56738"/>
            </a:xfrm>
            <a:custGeom>
              <a:avLst/>
              <a:gdLst/>
              <a:ahLst/>
              <a:cxnLst/>
              <a:rect l="l" t="t" r="r" b="b"/>
              <a:pathLst>
                <a:path w="1428" h="899" extrusionOk="0">
                  <a:moveTo>
                    <a:pt x="814" y="0"/>
                  </a:moveTo>
                  <a:cubicBezTo>
                    <a:pt x="803" y="6"/>
                    <a:pt x="790" y="11"/>
                    <a:pt x="779" y="19"/>
                  </a:cubicBezTo>
                  <a:lnTo>
                    <a:pt x="1" y="636"/>
                  </a:lnTo>
                  <a:cubicBezTo>
                    <a:pt x="16" y="650"/>
                    <a:pt x="32" y="666"/>
                    <a:pt x="46" y="682"/>
                  </a:cubicBezTo>
                  <a:lnTo>
                    <a:pt x="231" y="898"/>
                  </a:lnTo>
                  <a:lnTo>
                    <a:pt x="1427" y="526"/>
                  </a:lnTo>
                  <a:lnTo>
                    <a:pt x="1421" y="518"/>
                  </a:lnTo>
                  <a:lnTo>
                    <a:pt x="1032" y="188"/>
                  </a:lnTo>
                  <a:lnTo>
                    <a:pt x="814" y="0"/>
                  </a:lnTo>
                  <a:close/>
                </a:path>
              </a:pathLst>
            </a:custGeom>
            <a:solidFill>
              <a:srgbClr val="95959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07" name="Google Shape;507;p28"/>
            <p:cNvSpPr/>
            <p:nvPr/>
          </p:nvSpPr>
          <p:spPr>
            <a:xfrm flipH="1">
              <a:off x="6337891" y="2627015"/>
              <a:ext cx="123696" cy="146358"/>
            </a:xfrm>
            <a:custGeom>
              <a:avLst/>
              <a:gdLst/>
              <a:ahLst/>
              <a:cxnLst/>
              <a:rect l="l" t="t" r="r" b="b"/>
              <a:pathLst>
                <a:path w="1960" h="2319" extrusionOk="0">
                  <a:moveTo>
                    <a:pt x="1006" y="0"/>
                  </a:moveTo>
                  <a:cubicBezTo>
                    <a:pt x="964" y="0"/>
                    <a:pt x="922" y="14"/>
                    <a:pt x="886" y="41"/>
                  </a:cubicBezTo>
                  <a:lnTo>
                    <a:pt x="53" y="702"/>
                  </a:lnTo>
                  <a:cubicBezTo>
                    <a:pt x="0" y="745"/>
                    <a:pt x="1" y="827"/>
                    <a:pt x="56" y="867"/>
                  </a:cubicBezTo>
                  <a:lnTo>
                    <a:pt x="522" y="1216"/>
                  </a:lnTo>
                  <a:cubicBezTo>
                    <a:pt x="652" y="1312"/>
                    <a:pt x="756" y="1439"/>
                    <a:pt x="824" y="1586"/>
                  </a:cubicBezTo>
                  <a:lnTo>
                    <a:pt x="1162" y="2319"/>
                  </a:lnTo>
                  <a:lnTo>
                    <a:pt x="1960" y="1545"/>
                  </a:lnTo>
                  <a:lnTo>
                    <a:pt x="1767" y="943"/>
                  </a:lnTo>
                  <a:cubicBezTo>
                    <a:pt x="1730" y="831"/>
                    <a:pt x="1676" y="728"/>
                    <a:pt x="1603" y="637"/>
                  </a:cubicBezTo>
                  <a:lnTo>
                    <a:pt x="1157" y="72"/>
                  </a:lnTo>
                  <a:cubicBezTo>
                    <a:pt x="1119" y="25"/>
                    <a:pt x="1063" y="0"/>
                    <a:pt x="1006" y="0"/>
                  </a:cubicBez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08" name="Google Shape;508;p28"/>
            <p:cNvSpPr/>
            <p:nvPr/>
          </p:nvSpPr>
          <p:spPr>
            <a:xfrm flipH="1">
              <a:off x="6303244" y="2783534"/>
              <a:ext cx="81854" cy="75419"/>
            </a:xfrm>
            <a:custGeom>
              <a:avLst/>
              <a:gdLst/>
              <a:ahLst/>
              <a:cxnLst/>
              <a:rect l="l" t="t" r="r" b="b"/>
              <a:pathLst>
                <a:path w="1297" h="1195" extrusionOk="0">
                  <a:moveTo>
                    <a:pt x="1" y="1"/>
                  </a:moveTo>
                  <a:lnTo>
                    <a:pt x="138" y="797"/>
                  </a:lnTo>
                  <a:cubicBezTo>
                    <a:pt x="161" y="924"/>
                    <a:pt x="156" y="1054"/>
                    <a:pt x="127" y="1180"/>
                  </a:cubicBezTo>
                  <a:cubicBezTo>
                    <a:pt x="156" y="1189"/>
                    <a:pt x="187" y="1194"/>
                    <a:pt x="219" y="1194"/>
                  </a:cubicBezTo>
                  <a:cubicBezTo>
                    <a:pt x="249" y="1194"/>
                    <a:pt x="280" y="1190"/>
                    <a:pt x="310" y="1180"/>
                  </a:cubicBezTo>
                  <a:lnTo>
                    <a:pt x="1297" y="872"/>
                  </a:lnTo>
                  <a:cubicBezTo>
                    <a:pt x="1292" y="845"/>
                    <a:pt x="1289" y="817"/>
                    <a:pt x="1280" y="791"/>
                  </a:cubicBezTo>
                  <a:lnTo>
                    <a:pt x="1097" y="184"/>
                  </a:lnTo>
                  <a:lnTo>
                    <a:pt x="1" y="1"/>
                  </a:lnTo>
                  <a:close/>
                </a:path>
              </a:pathLst>
            </a:custGeom>
            <a:solidFill>
              <a:srgbClr val="DD9A5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09" name="Google Shape;509;p28"/>
            <p:cNvSpPr/>
            <p:nvPr/>
          </p:nvSpPr>
          <p:spPr>
            <a:xfrm flipH="1">
              <a:off x="6337891" y="2681607"/>
              <a:ext cx="86145" cy="91766"/>
            </a:xfrm>
            <a:custGeom>
              <a:avLst/>
              <a:gdLst/>
              <a:ahLst/>
              <a:cxnLst/>
              <a:rect l="l" t="t" r="r" b="b"/>
              <a:pathLst>
                <a:path w="1365" h="1454" extrusionOk="0">
                  <a:moveTo>
                    <a:pt x="1139" y="0"/>
                  </a:moveTo>
                  <a:lnTo>
                    <a:pt x="151" y="308"/>
                  </a:lnTo>
                  <a:cubicBezTo>
                    <a:pt x="89" y="328"/>
                    <a:pt x="38" y="365"/>
                    <a:pt x="0" y="413"/>
                  </a:cubicBezTo>
                  <a:cubicBezTo>
                    <a:pt x="97" y="499"/>
                    <a:pt x="174" y="604"/>
                    <a:pt x="229" y="721"/>
                  </a:cubicBezTo>
                  <a:lnTo>
                    <a:pt x="567" y="1454"/>
                  </a:lnTo>
                  <a:lnTo>
                    <a:pt x="1365" y="680"/>
                  </a:lnTo>
                  <a:lnTo>
                    <a:pt x="1172" y="77"/>
                  </a:lnTo>
                  <a:cubicBezTo>
                    <a:pt x="1163" y="51"/>
                    <a:pt x="1150" y="26"/>
                    <a:pt x="1139" y="0"/>
                  </a:cubicBezTo>
                  <a:close/>
                </a:path>
              </a:pathLst>
            </a:custGeom>
            <a:solidFill>
              <a:srgbClr val="DD9A5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10" name="Google Shape;510;p28"/>
            <p:cNvSpPr/>
            <p:nvPr/>
          </p:nvSpPr>
          <p:spPr>
            <a:xfrm flipH="1">
              <a:off x="6306967" y="2695997"/>
              <a:ext cx="118962" cy="148314"/>
            </a:xfrm>
            <a:custGeom>
              <a:avLst/>
              <a:gdLst/>
              <a:ahLst/>
              <a:cxnLst/>
              <a:rect l="l" t="t" r="r" b="b"/>
              <a:pathLst>
                <a:path w="1885" h="2350" extrusionOk="0">
                  <a:moveTo>
                    <a:pt x="1254" y="1"/>
                  </a:moveTo>
                  <a:lnTo>
                    <a:pt x="254" y="312"/>
                  </a:lnTo>
                  <a:cubicBezTo>
                    <a:pt x="91" y="362"/>
                    <a:pt x="1" y="535"/>
                    <a:pt x="51" y="697"/>
                  </a:cubicBezTo>
                  <a:lnTo>
                    <a:pt x="499" y="2133"/>
                  </a:lnTo>
                  <a:cubicBezTo>
                    <a:pt x="540" y="2265"/>
                    <a:pt x="662" y="2350"/>
                    <a:pt x="793" y="2350"/>
                  </a:cubicBezTo>
                  <a:cubicBezTo>
                    <a:pt x="823" y="2350"/>
                    <a:pt x="854" y="2345"/>
                    <a:pt x="884" y="2336"/>
                  </a:cubicBezTo>
                  <a:lnTo>
                    <a:pt x="1885" y="2024"/>
                  </a:lnTo>
                  <a:lnTo>
                    <a:pt x="1254" y="1"/>
                  </a:ln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11" name="Google Shape;511;p28"/>
            <p:cNvSpPr/>
            <p:nvPr/>
          </p:nvSpPr>
          <p:spPr>
            <a:xfrm flipH="1">
              <a:off x="7886358" y="551371"/>
              <a:ext cx="1913621" cy="1324479"/>
            </a:xfrm>
            <a:custGeom>
              <a:avLst/>
              <a:gdLst/>
              <a:ahLst/>
              <a:cxnLst/>
              <a:rect l="l" t="t" r="r" b="b"/>
              <a:pathLst>
                <a:path w="30322" h="20986" extrusionOk="0">
                  <a:moveTo>
                    <a:pt x="5781" y="1"/>
                  </a:moveTo>
                  <a:cubicBezTo>
                    <a:pt x="4803" y="1"/>
                    <a:pt x="3817" y="163"/>
                    <a:pt x="2862" y="565"/>
                  </a:cubicBezTo>
                  <a:cubicBezTo>
                    <a:pt x="944" y="1371"/>
                    <a:pt x="0" y="3079"/>
                    <a:pt x="133" y="5503"/>
                  </a:cubicBezTo>
                  <a:cubicBezTo>
                    <a:pt x="228" y="7260"/>
                    <a:pt x="855" y="8765"/>
                    <a:pt x="882" y="8828"/>
                  </a:cubicBezTo>
                  <a:lnTo>
                    <a:pt x="1661" y="8499"/>
                  </a:lnTo>
                  <a:cubicBezTo>
                    <a:pt x="1654" y="8486"/>
                    <a:pt x="1064" y="7069"/>
                    <a:pt x="976" y="5456"/>
                  </a:cubicBezTo>
                  <a:cubicBezTo>
                    <a:pt x="864" y="3393"/>
                    <a:pt x="1608" y="2009"/>
                    <a:pt x="3188" y="1344"/>
                  </a:cubicBezTo>
                  <a:cubicBezTo>
                    <a:pt x="4026" y="992"/>
                    <a:pt x="4900" y="849"/>
                    <a:pt x="5776" y="849"/>
                  </a:cubicBezTo>
                  <a:cubicBezTo>
                    <a:pt x="8376" y="849"/>
                    <a:pt x="10996" y="2114"/>
                    <a:pt x="12739" y="2955"/>
                  </a:cubicBezTo>
                  <a:cubicBezTo>
                    <a:pt x="13277" y="3215"/>
                    <a:pt x="13743" y="3439"/>
                    <a:pt x="14117" y="3585"/>
                  </a:cubicBezTo>
                  <a:cubicBezTo>
                    <a:pt x="15636" y="4174"/>
                    <a:pt x="17124" y="4590"/>
                    <a:pt x="18563" y="4991"/>
                  </a:cubicBezTo>
                  <a:cubicBezTo>
                    <a:pt x="21391" y="5780"/>
                    <a:pt x="23833" y="6460"/>
                    <a:pt x="24644" y="8103"/>
                  </a:cubicBezTo>
                  <a:cubicBezTo>
                    <a:pt x="25168" y="9162"/>
                    <a:pt x="25033" y="10646"/>
                    <a:pt x="24234" y="12640"/>
                  </a:cubicBezTo>
                  <a:cubicBezTo>
                    <a:pt x="23449" y="14601"/>
                    <a:pt x="23905" y="17213"/>
                    <a:pt x="25347" y="18992"/>
                  </a:cubicBezTo>
                  <a:cubicBezTo>
                    <a:pt x="26405" y="20297"/>
                    <a:pt x="27805" y="20985"/>
                    <a:pt x="29362" y="20985"/>
                  </a:cubicBezTo>
                  <a:cubicBezTo>
                    <a:pt x="29676" y="20985"/>
                    <a:pt x="29997" y="20957"/>
                    <a:pt x="30321" y="20900"/>
                  </a:cubicBezTo>
                  <a:lnTo>
                    <a:pt x="30177" y="20068"/>
                  </a:lnTo>
                  <a:cubicBezTo>
                    <a:pt x="29905" y="20116"/>
                    <a:pt x="29637" y="20139"/>
                    <a:pt x="29375" y="20139"/>
                  </a:cubicBezTo>
                  <a:cubicBezTo>
                    <a:pt x="28069" y="20139"/>
                    <a:pt x="26894" y="19559"/>
                    <a:pt x="26004" y="18460"/>
                  </a:cubicBezTo>
                  <a:cubicBezTo>
                    <a:pt x="24746" y="16908"/>
                    <a:pt x="24341" y="14645"/>
                    <a:pt x="25018" y="12955"/>
                  </a:cubicBezTo>
                  <a:cubicBezTo>
                    <a:pt x="25912" y="10725"/>
                    <a:pt x="26037" y="9015"/>
                    <a:pt x="25402" y="7729"/>
                  </a:cubicBezTo>
                  <a:cubicBezTo>
                    <a:pt x="24423" y="5748"/>
                    <a:pt x="21813" y="5020"/>
                    <a:pt x="18791" y="4176"/>
                  </a:cubicBezTo>
                  <a:cubicBezTo>
                    <a:pt x="17371" y="3782"/>
                    <a:pt x="15904" y="3372"/>
                    <a:pt x="14423" y="2798"/>
                  </a:cubicBezTo>
                  <a:cubicBezTo>
                    <a:pt x="14080" y="2664"/>
                    <a:pt x="13629" y="2446"/>
                    <a:pt x="13105" y="2194"/>
                  </a:cubicBezTo>
                  <a:cubicBezTo>
                    <a:pt x="11288" y="1316"/>
                    <a:pt x="8563" y="1"/>
                    <a:pt x="5781"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12" name="Google Shape;512;p28"/>
            <p:cNvSpPr/>
            <p:nvPr/>
          </p:nvSpPr>
          <p:spPr>
            <a:xfrm flipH="1">
              <a:off x="7457841" y="2123125"/>
              <a:ext cx="83999" cy="334812"/>
            </a:xfrm>
            <a:custGeom>
              <a:avLst/>
              <a:gdLst/>
              <a:ahLst/>
              <a:cxnLst/>
              <a:rect l="l" t="t" r="r" b="b"/>
              <a:pathLst>
                <a:path w="1331" h="5305" extrusionOk="0">
                  <a:moveTo>
                    <a:pt x="440" y="1"/>
                  </a:moveTo>
                  <a:lnTo>
                    <a:pt x="0" y="1641"/>
                  </a:lnTo>
                  <a:lnTo>
                    <a:pt x="972" y="5272"/>
                  </a:lnTo>
                  <a:cubicBezTo>
                    <a:pt x="978" y="5294"/>
                    <a:pt x="997" y="5305"/>
                    <a:pt x="1015" y="5305"/>
                  </a:cubicBezTo>
                  <a:cubicBezTo>
                    <a:pt x="1038" y="5305"/>
                    <a:pt x="1062" y="5287"/>
                    <a:pt x="1060" y="5257"/>
                  </a:cubicBezTo>
                  <a:lnTo>
                    <a:pt x="890" y="1880"/>
                  </a:lnTo>
                  <a:lnTo>
                    <a:pt x="1331" y="240"/>
                  </a:lnTo>
                  <a:lnTo>
                    <a:pt x="440"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13" name="Google Shape;513;p28"/>
            <p:cNvSpPr/>
            <p:nvPr/>
          </p:nvSpPr>
          <p:spPr>
            <a:xfrm flipH="1">
              <a:off x="7539758" y="2166925"/>
              <a:ext cx="178917" cy="308494"/>
            </a:xfrm>
            <a:custGeom>
              <a:avLst/>
              <a:gdLst/>
              <a:ahLst/>
              <a:cxnLst/>
              <a:rect l="l" t="t" r="r" b="b"/>
              <a:pathLst>
                <a:path w="2835" h="4888" extrusionOk="0">
                  <a:moveTo>
                    <a:pt x="652" y="1"/>
                  </a:moveTo>
                  <a:lnTo>
                    <a:pt x="0" y="653"/>
                  </a:lnTo>
                  <a:lnTo>
                    <a:pt x="1201" y="1854"/>
                  </a:lnTo>
                  <a:lnTo>
                    <a:pt x="2743" y="4863"/>
                  </a:lnTo>
                  <a:cubicBezTo>
                    <a:pt x="2752" y="4880"/>
                    <a:pt x="2767" y="4887"/>
                    <a:pt x="2782" y="4887"/>
                  </a:cubicBezTo>
                  <a:cubicBezTo>
                    <a:pt x="2808" y="4887"/>
                    <a:pt x="2835" y="4864"/>
                    <a:pt x="2826" y="4831"/>
                  </a:cubicBezTo>
                  <a:lnTo>
                    <a:pt x="1853" y="1202"/>
                  </a:lnTo>
                  <a:lnTo>
                    <a:pt x="652"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14" name="Google Shape;514;p28"/>
            <p:cNvSpPr/>
            <p:nvPr/>
          </p:nvSpPr>
          <p:spPr>
            <a:xfrm flipH="1">
              <a:off x="7620981" y="1414813"/>
              <a:ext cx="218929" cy="457755"/>
            </a:xfrm>
            <a:custGeom>
              <a:avLst/>
              <a:gdLst/>
              <a:ahLst/>
              <a:cxnLst/>
              <a:rect l="l" t="t" r="r" b="b"/>
              <a:pathLst>
                <a:path w="3469" h="7253" extrusionOk="0">
                  <a:moveTo>
                    <a:pt x="1643" y="0"/>
                  </a:moveTo>
                  <a:lnTo>
                    <a:pt x="0" y="441"/>
                  </a:lnTo>
                  <a:lnTo>
                    <a:pt x="1826" y="7253"/>
                  </a:lnTo>
                  <a:lnTo>
                    <a:pt x="3468" y="6813"/>
                  </a:lnTo>
                  <a:lnTo>
                    <a:pt x="1643"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15" name="Google Shape;515;p28"/>
            <p:cNvSpPr/>
            <p:nvPr/>
          </p:nvSpPr>
          <p:spPr>
            <a:xfrm flipH="1">
              <a:off x="7697975" y="1359022"/>
              <a:ext cx="172669" cy="155762"/>
            </a:xfrm>
            <a:custGeom>
              <a:avLst/>
              <a:gdLst/>
              <a:ahLst/>
              <a:cxnLst/>
              <a:rect l="l" t="t" r="r" b="b"/>
              <a:pathLst>
                <a:path w="2736" h="2468" extrusionOk="0">
                  <a:moveTo>
                    <a:pt x="1369" y="0"/>
                  </a:moveTo>
                  <a:cubicBezTo>
                    <a:pt x="1264" y="0"/>
                    <a:pt x="1156" y="14"/>
                    <a:pt x="1049" y="43"/>
                  </a:cubicBezTo>
                  <a:cubicBezTo>
                    <a:pt x="391" y="219"/>
                    <a:pt x="1" y="896"/>
                    <a:pt x="177" y="1553"/>
                  </a:cubicBezTo>
                  <a:cubicBezTo>
                    <a:pt x="325" y="2105"/>
                    <a:pt x="823" y="2468"/>
                    <a:pt x="1368" y="2468"/>
                  </a:cubicBezTo>
                  <a:cubicBezTo>
                    <a:pt x="1473" y="2468"/>
                    <a:pt x="1581" y="2454"/>
                    <a:pt x="1688" y="2425"/>
                  </a:cubicBezTo>
                  <a:cubicBezTo>
                    <a:pt x="2345" y="2249"/>
                    <a:pt x="2736" y="1573"/>
                    <a:pt x="2559" y="915"/>
                  </a:cubicBezTo>
                  <a:cubicBezTo>
                    <a:pt x="2412" y="364"/>
                    <a:pt x="1914" y="0"/>
                    <a:pt x="1369"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16" name="Google Shape;516;p28"/>
            <p:cNvSpPr/>
            <p:nvPr/>
          </p:nvSpPr>
          <p:spPr>
            <a:xfrm flipH="1">
              <a:off x="8145362" y="898553"/>
              <a:ext cx="754480" cy="324272"/>
            </a:xfrm>
            <a:custGeom>
              <a:avLst/>
              <a:gdLst/>
              <a:ahLst/>
              <a:cxnLst/>
              <a:rect l="l" t="t" r="r" b="b"/>
              <a:pathLst>
                <a:path w="11955" h="5138" extrusionOk="0">
                  <a:moveTo>
                    <a:pt x="247" y="1"/>
                  </a:moveTo>
                  <a:lnTo>
                    <a:pt x="0" y="643"/>
                  </a:lnTo>
                  <a:lnTo>
                    <a:pt x="11709" y="5137"/>
                  </a:lnTo>
                  <a:lnTo>
                    <a:pt x="11955" y="4495"/>
                  </a:lnTo>
                  <a:lnTo>
                    <a:pt x="24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17" name="Google Shape;517;p28"/>
            <p:cNvSpPr/>
            <p:nvPr/>
          </p:nvSpPr>
          <p:spPr>
            <a:xfrm flipH="1">
              <a:off x="8275999" y="881071"/>
              <a:ext cx="538581" cy="476121"/>
            </a:xfrm>
            <a:custGeom>
              <a:avLst/>
              <a:gdLst/>
              <a:ahLst/>
              <a:cxnLst/>
              <a:rect l="l" t="t" r="r" b="b"/>
              <a:pathLst>
                <a:path w="8534" h="7544" extrusionOk="0">
                  <a:moveTo>
                    <a:pt x="4267" y="0"/>
                  </a:moveTo>
                  <a:cubicBezTo>
                    <a:pt x="2752" y="0"/>
                    <a:pt x="1322" y="921"/>
                    <a:pt x="747" y="2420"/>
                  </a:cubicBezTo>
                  <a:cubicBezTo>
                    <a:pt x="0" y="4365"/>
                    <a:pt x="972" y="6546"/>
                    <a:pt x="2915" y="7292"/>
                  </a:cubicBezTo>
                  <a:cubicBezTo>
                    <a:pt x="3360" y="7463"/>
                    <a:pt x="3817" y="7544"/>
                    <a:pt x="4266" y="7544"/>
                  </a:cubicBezTo>
                  <a:cubicBezTo>
                    <a:pt x="5782" y="7544"/>
                    <a:pt x="7212" y="6623"/>
                    <a:pt x="7788" y="5124"/>
                  </a:cubicBezTo>
                  <a:cubicBezTo>
                    <a:pt x="8533" y="3179"/>
                    <a:pt x="7563" y="998"/>
                    <a:pt x="5618" y="252"/>
                  </a:cubicBezTo>
                  <a:cubicBezTo>
                    <a:pt x="5174" y="81"/>
                    <a:pt x="4717" y="0"/>
                    <a:pt x="4267"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18" name="Google Shape;518;p28"/>
            <p:cNvSpPr/>
            <p:nvPr/>
          </p:nvSpPr>
          <p:spPr>
            <a:xfrm flipH="1">
              <a:off x="8142206" y="1036201"/>
              <a:ext cx="100156" cy="88547"/>
            </a:xfrm>
            <a:custGeom>
              <a:avLst/>
              <a:gdLst/>
              <a:ahLst/>
              <a:cxnLst/>
              <a:rect l="l" t="t" r="r" b="b"/>
              <a:pathLst>
                <a:path w="1587" h="1403" extrusionOk="0">
                  <a:moveTo>
                    <a:pt x="794" y="1"/>
                  </a:moveTo>
                  <a:cubicBezTo>
                    <a:pt x="512" y="1"/>
                    <a:pt x="246" y="172"/>
                    <a:pt x="139" y="450"/>
                  </a:cubicBezTo>
                  <a:cubicBezTo>
                    <a:pt x="1" y="812"/>
                    <a:pt x="181" y="1217"/>
                    <a:pt x="542" y="1356"/>
                  </a:cubicBezTo>
                  <a:cubicBezTo>
                    <a:pt x="625" y="1388"/>
                    <a:pt x="710" y="1403"/>
                    <a:pt x="793" y="1403"/>
                  </a:cubicBezTo>
                  <a:cubicBezTo>
                    <a:pt x="1075" y="1403"/>
                    <a:pt x="1341" y="1232"/>
                    <a:pt x="1448" y="953"/>
                  </a:cubicBezTo>
                  <a:cubicBezTo>
                    <a:pt x="1586" y="592"/>
                    <a:pt x="1405" y="186"/>
                    <a:pt x="1045" y="47"/>
                  </a:cubicBezTo>
                  <a:cubicBezTo>
                    <a:pt x="962" y="16"/>
                    <a:pt x="877" y="1"/>
                    <a:pt x="794" y="1"/>
                  </a:cubicBezTo>
                  <a:close/>
                </a:path>
              </a:pathLst>
            </a:custGeom>
            <a:solidFill>
              <a:srgbClr val="CC873C"/>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19" name="Google Shape;519;p28"/>
            <p:cNvSpPr/>
            <p:nvPr/>
          </p:nvSpPr>
          <p:spPr>
            <a:xfrm flipH="1">
              <a:off x="8153629" y="1046299"/>
              <a:ext cx="77310" cy="68351"/>
            </a:xfrm>
            <a:custGeom>
              <a:avLst/>
              <a:gdLst/>
              <a:ahLst/>
              <a:cxnLst/>
              <a:rect l="l" t="t" r="r" b="b"/>
              <a:pathLst>
                <a:path w="1225" h="1083" extrusionOk="0">
                  <a:moveTo>
                    <a:pt x="614" y="0"/>
                  </a:moveTo>
                  <a:cubicBezTo>
                    <a:pt x="396" y="0"/>
                    <a:pt x="190" y="133"/>
                    <a:pt x="107" y="348"/>
                  </a:cubicBezTo>
                  <a:cubicBezTo>
                    <a:pt x="1" y="626"/>
                    <a:pt x="139" y="940"/>
                    <a:pt x="418" y="1047"/>
                  </a:cubicBezTo>
                  <a:cubicBezTo>
                    <a:pt x="482" y="1071"/>
                    <a:pt x="547" y="1083"/>
                    <a:pt x="612" y="1083"/>
                  </a:cubicBezTo>
                  <a:cubicBezTo>
                    <a:pt x="830" y="1083"/>
                    <a:pt x="1035" y="951"/>
                    <a:pt x="1118" y="736"/>
                  </a:cubicBezTo>
                  <a:cubicBezTo>
                    <a:pt x="1224" y="457"/>
                    <a:pt x="1085" y="144"/>
                    <a:pt x="807" y="36"/>
                  </a:cubicBezTo>
                  <a:cubicBezTo>
                    <a:pt x="743" y="12"/>
                    <a:pt x="678" y="0"/>
                    <a:pt x="614" y="0"/>
                  </a:cubicBez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20" name="Google Shape;520;p28"/>
            <p:cNvSpPr/>
            <p:nvPr/>
          </p:nvSpPr>
          <p:spPr>
            <a:xfrm flipH="1">
              <a:off x="8169596" y="1056523"/>
              <a:ext cx="45439" cy="47966"/>
            </a:xfrm>
            <a:custGeom>
              <a:avLst/>
              <a:gdLst/>
              <a:ahLst/>
              <a:cxnLst/>
              <a:rect l="l" t="t" r="r" b="b"/>
              <a:pathLst>
                <a:path w="720" h="760" extrusionOk="0">
                  <a:moveTo>
                    <a:pt x="301" y="0"/>
                  </a:moveTo>
                  <a:lnTo>
                    <a:pt x="1" y="242"/>
                  </a:lnTo>
                  <a:lnTo>
                    <a:pt x="62" y="621"/>
                  </a:lnTo>
                  <a:lnTo>
                    <a:pt x="420" y="760"/>
                  </a:lnTo>
                  <a:lnTo>
                    <a:pt x="719" y="518"/>
                  </a:lnTo>
                  <a:lnTo>
                    <a:pt x="659" y="138"/>
                  </a:lnTo>
                  <a:lnTo>
                    <a:pt x="301" y="0"/>
                  </a:lnTo>
                  <a:close/>
                </a:path>
              </a:pathLst>
            </a:custGeom>
            <a:solidFill>
              <a:srgbClr val="AB672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21" name="Google Shape;521;p28"/>
            <p:cNvSpPr/>
            <p:nvPr/>
          </p:nvSpPr>
          <p:spPr>
            <a:xfrm flipH="1">
              <a:off x="8731717" y="809943"/>
              <a:ext cx="100092" cy="88547"/>
            </a:xfrm>
            <a:custGeom>
              <a:avLst/>
              <a:gdLst/>
              <a:ahLst/>
              <a:cxnLst/>
              <a:rect l="l" t="t" r="r" b="b"/>
              <a:pathLst>
                <a:path w="1586" h="1403" extrusionOk="0">
                  <a:moveTo>
                    <a:pt x="793" y="0"/>
                  </a:moveTo>
                  <a:cubicBezTo>
                    <a:pt x="511" y="0"/>
                    <a:pt x="246" y="172"/>
                    <a:pt x="139" y="451"/>
                  </a:cubicBezTo>
                  <a:cubicBezTo>
                    <a:pt x="0" y="811"/>
                    <a:pt x="180" y="1217"/>
                    <a:pt x="542" y="1356"/>
                  </a:cubicBezTo>
                  <a:cubicBezTo>
                    <a:pt x="625" y="1388"/>
                    <a:pt x="709" y="1403"/>
                    <a:pt x="793" y="1403"/>
                  </a:cubicBezTo>
                  <a:cubicBezTo>
                    <a:pt x="1075" y="1403"/>
                    <a:pt x="1341" y="1231"/>
                    <a:pt x="1448" y="953"/>
                  </a:cubicBezTo>
                  <a:cubicBezTo>
                    <a:pt x="1586" y="591"/>
                    <a:pt x="1405" y="186"/>
                    <a:pt x="1044" y="47"/>
                  </a:cubicBezTo>
                  <a:cubicBezTo>
                    <a:pt x="961" y="15"/>
                    <a:pt x="876" y="0"/>
                    <a:pt x="793" y="0"/>
                  </a:cubicBezTo>
                  <a:close/>
                </a:path>
              </a:pathLst>
            </a:custGeom>
            <a:solidFill>
              <a:srgbClr val="CC873C"/>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22" name="Google Shape;522;p28"/>
            <p:cNvSpPr/>
            <p:nvPr/>
          </p:nvSpPr>
          <p:spPr>
            <a:xfrm flipH="1">
              <a:off x="8743076" y="820041"/>
              <a:ext cx="77310" cy="68351"/>
            </a:xfrm>
            <a:custGeom>
              <a:avLst/>
              <a:gdLst/>
              <a:ahLst/>
              <a:cxnLst/>
              <a:rect l="l" t="t" r="r" b="b"/>
              <a:pathLst>
                <a:path w="1225" h="1083" extrusionOk="0">
                  <a:moveTo>
                    <a:pt x="612" y="0"/>
                  </a:moveTo>
                  <a:cubicBezTo>
                    <a:pt x="395" y="0"/>
                    <a:pt x="190" y="132"/>
                    <a:pt x="107" y="347"/>
                  </a:cubicBezTo>
                  <a:cubicBezTo>
                    <a:pt x="0" y="627"/>
                    <a:pt x="139" y="940"/>
                    <a:pt x="418" y="1046"/>
                  </a:cubicBezTo>
                  <a:cubicBezTo>
                    <a:pt x="482" y="1071"/>
                    <a:pt x="547" y="1082"/>
                    <a:pt x="612" y="1082"/>
                  </a:cubicBezTo>
                  <a:cubicBezTo>
                    <a:pt x="830" y="1082"/>
                    <a:pt x="1035" y="950"/>
                    <a:pt x="1118" y="735"/>
                  </a:cubicBezTo>
                  <a:cubicBezTo>
                    <a:pt x="1224" y="456"/>
                    <a:pt x="1086" y="143"/>
                    <a:pt x="807" y="36"/>
                  </a:cubicBezTo>
                  <a:cubicBezTo>
                    <a:pt x="743" y="12"/>
                    <a:pt x="677" y="0"/>
                    <a:pt x="612" y="0"/>
                  </a:cubicBez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23" name="Google Shape;523;p28"/>
            <p:cNvSpPr/>
            <p:nvPr/>
          </p:nvSpPr>
          <p:spPr>
            <a:xfrm flipH="1">
              <a:off x="8759106" y="830202"/>
              <a:ext cx="45313" cy="48029"/>
            </a:xfrm>
            <a:custGeom>
              <a:avLst/>
              <a:gdLst/>
              <a:ahLst/>
              <a:cxnLst/>
              <a:rect l="l" t="t" r="r" b="b"/>
              <a:pathLst>
                <a:path w="718" h="761" extrusionOk="0">
                  <a:moveTo>
                    <a:pt x="299" y="0"/>
                  </a:moveTo>
                  <a:lnTo>
                    <a:pt x="0" y="242"/>
                  </a:lnTo>
                  <a:lnTo>
                    <a:pt x="60" y="623"/>
                  </a:lnTo>
                  <a:lnTo>
                    <a:pt x="419" y="760"/>
                  </a:lnTo>
                  <a:lnTo>
                    <a:pt x="718" y="518"/>
                  </a:lnTo>
                  <a:lnTo>
                    <a:pt x="658" y="138"/>
                  </a:lnTo>
                  <a:lnTo>
                    <a:pt x="299" y="0"/>
                  </a:lnTo>
                  <a:close/>
                </a:path>
              </a:pathLst>
            </a:custGeom>
            <a:solidFill>
              <a:srgbClr val="AB672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24" name="Google Shape;524;p28"/>
            <p:cNvSpPr/>
            <p:nvPr/>
          </p:nvSpPr>
          <p:spPr>
            <a:xfrm flipH="1">
              <a:off x="7191391" y="539569"/>
              <a:ext cx="1787023" cy="724658"/>
            </a:xfrm>
            <a:custGeom>
              <a:avLst/>
              <a:gdLst/>
              <a:ahLst/>
              <a:cxnLst/>
              <a:rect l="l" t="t" r="r" b="b"/>
              <a:pathLst>
                <a:path w="28316" h="11482" extrusionOk="0">
                  <a:moveTo>
                    <a:pt x="276" y="0"/>
                  </a:moveTo>
                  <a:lnTo>
                    <a:pt x="1" y="717"/>
                  </a:lnTo>
                  <a:lnTo>
                    <a:pt x="28040" y="11481"/>
                  </a:lnTo>
                  <a:lnTo>
                    <a:pt x="28315" y="10765"/>
                  </a:lnTo>
                  <a:lnTo>
                    <a:pt x="276" y="0"/>
                  </a:lnTo>
                  <a:close/>
                </a:path>
              </a:pathLst>
            </a:custGeom>
            <a:solidFill>
              <a:srgbClr val="F1B16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25" name="Google Shape;525;p28"/>
            <p:cNvSpPr/>
            <p:nvPr/>
          </p:nvSpPr>
          <p:spPr>
            <a:xfrm flipH="1">
              <a:off x="7229572" y="639097"/>
              <a:ext cx="1841676" cy="867103"/>
            </a:xfrm>
            <a:custGeom>
              <a:avLst/>
              <a:gdLst/>
              <a:ahLst/>
              <a:cxnLst/>
              <a:rect l="l" t="t" r="r" b="b"/>
              <a:pathLst>
                <a:path w="29182" h="13739" extrusionOk="0">
                  <a:moveTo>
                    <a:pt x="1142" y="1"/>
                  </a:moveTo>
                  <a:lnTo>
                    <a:pt x="1" y="2974"/>
                  </a:lnTo>
                  <a:lnTo>
                    <a:pt x="28040" y="13738"/>
                  </a:lnTo>
                  <a:lnTo>
                    <a:pt x="29182" y="10764"/>
                  </a:lnTo>
                  <a:lnTo>
                    <a:pt x="1142"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26" name="Google Shape;526;p28"/>
            <p:cNvSpPr/>
            <p:nvPr/>
          </p:nvSpPr>
          <p:spPr>
            <a:xfrm flipH="1">
              <a:off x="7191391" y="539569"/>
              <a:ext cx="1787023" cy="724658"/>
            </a:xfrm>
            <a:custGeom>
              <a:avLst/>
              <a:gdLst/>
              <a:ahLst/>
              <a:cxnLst/>
              <a:rect l="l" t="t" r="r" b="b"/>
              <a:pathLst>
                <a:path w="28316" h="11482" extrusionOk="0">
                  <a:moveTo>
                    <a:pt x="276" y="0"/>
                  </a:moveTo>
                  <a:lnTo>
                    <a:pt x="1" y="717"/>
                  </a:lnTo>
                  <a:lnTo>
                    <a:pt x="28040" y="11481"/>
                  </a:lnTo>
                  <a:lnTo>
                    <a:pt x="28315" y="10765"/>
                  </a:lnTo>
                  <a:lnTo>
                    <a:pt x="276"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27" name="Google Shape;527;p28"/>
            <p:cNvSpPr/>
            <p:nvPr/>
          </p:nvSpPr>
          <p:spPr>
            <a:xfrm flipH="1">
              <a:off x="7232097" y="591952"/>
              <a:ext cx="1748463" cy="717526"/>
            </a:xfrm>
            <a:custGeom>
              <a:avLst/>
              <a:gdLst/>
              <a:ahLst/>
              <a:cxnLst/>
              <a:rect l="l" t="t" r="r" b="b"/>
              <a:pathLst>
                <a:path w="27705" h="11369" extrusionOk="0">
                  <a:moveTo>
                    <a:pt x="330" y="0"/>
                  </a:moveTo>
                  <a:lnTo>
                    <a:pt x="1" y="860"/>
                  </a:lnTo>
                  <a:lnTo>
                    <a:pt x="27374" y="11369"/>
                  </a:lnTo>
                  <a:lnTo>
                    <a:pt x="27704" y="10509"/>
                  </a:lnTo>
                  <a:lnTo>
                    <a:pt x="330"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28" name="Google Shape;528;p28"/>
            <p:cNvSpPr/>
            <p:nvPr/>
          </p:nvSpPr>
          <p:spPr>
            <a:xfrm flipH="1">
              <a:off x="9503678" y="4347714"/>
              <a:ext cx="513400" cy="193061"/>
            </a:xfrm>
            <a:custGeom>
              <a:avLst/>
              <a:gdLst/>
              <a:ahLst/>
              <a:cxnLst/>
              <a:rect l="l" t="t" r="r" b="b"/>
              <a:pathLst>
                <a:path w="8135" h="3059" extrusionOk="0">
                  <a:moveTo>
                    <a:pt x="8134" y="0"/>
                  </a:moveTo>
                  <a:lnTo>
                    <a:pt x="2171" y="1579"/>
                  </a:lnTo>
                  <a:lnTo>
                    <a:pt x="2171" y="2148"/>
                  </a:lnTo>
                  <a:lnTo>
                    <a:pt x="0" y="2153"/>
                  </a:lnTo>
                  <a:lnTo>
                    <a:pt x="0" y="3058"/>
                  </a:lnTo>
                  <a:lnTo>
                    <a:pt x="8134" y="3058"/>
                  </a:lnTo>
                  <a:lnTo>
                    <a:pt x="8134"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29" name="Google Shape;529;p28"/>
            <p:cNvSpPr/>
            <p:nvPr/>
          </p:nvSpPr>
          <p:spPr>
            <a:xfrm flipH="1">
              <a:off x="9853686" y="4540712"/>
              <a:ext cx="190782" cy="87853"/>
            </a:xfrm>
            <a:custGeom>
              <a:avLst/>
              <a:gdLst/>
              <a:ahLst/>
              <a:cxnLst/>
              <a:rect l="l" t="t" r="r" b="b"/>
              <a:pathLst>
                <a:path w="3023" h="1392" extrusionOk="0">
                  <a:moveTo>
                    <a:pt x="0" y="0"/>
                  </a:moveTo>
                  <a:lnTo>
                    <a:pt x="0" y="1391"/>
                  </a:lnTo>
                  <a:lnTo>
                    <a:pt x="3023" y="1391"/>
                  </a:lnTo>
                  <a:lnTo>
                    <a:pt x="3023"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30" name="Google Shape;530;p28"/>
            <p:cNvSpPr/>
            <p:nvPr/>
          </p:nvSpPr>
          <p:spPr>
            <a:xfrm flipH="1">
              <a:off x="9895149" y="4439417"/>
              <a:ext cx="107792" cy="44053"/>
            </a:xfrm>
            <a:custGeom>
              <a:avLst/>
              <a:gdLst/>
              <a:ahLst/>
              <a:cxnLst/>
              <a:rect l="l" t="t" r="r" b="b"/>
              <a:pathLst>
                <a:path w="1708" h="698" extrusionOk="0">
                  <a:moveTo>
                    <a:pt x="1" y="1"/>
                  </a:moveTo>
                  <a:lnTo>
                    <a:pt x="1" y="697"/>
                  </a:lnTo>
                  <a:lnTo>
                    <a:pt x="1707" y="697"/>
                  </a:lnTo>
                  <a:lnTo>
                    <a:pt x="170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31" name="Google Shape;531;p28"/>
            <p:cNvSpPr/>
            <p:nvPr/>
          </p:nvSpPr>
          <p:spPr>
            <a:xfrm flipH="1">
              <a:off x="9895149" y="4439417"/>
              <a:ext cx="23351" cy="44053"/>
            </a:xfrm>
            <a:custGeom>
              <a:avLst/>
              <a:gdLst/>
              <a:ahLst/>
              <a:cxnLst/>
              <a:rect l="l" t="t" r="r" b="b"/>
              <a:pathLst>
                <a:path w="370" h="698" extrusionOk="0">
                  <a:moveTo>
                    <a:pt x="0" y="1"/>
                  </a:moveTo>
                  <a:lnTo>
                    <a:pt x="0" y="697"/>
                  </a:lnTo>
                  <a:lnTo>
                    <a:pt x="369" y="697"/>
                  </a:lnTo>
                  <a:lnTo>
                    <a:pt x="369"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32" name="Google Shape;532;p28"/>
            <p:cNvSpPr/>
            <p:nvPr/>
          </p:nvSpPr>
          <p:spPr>
            <a:xfrm flipH="1">
              <a:off x="9979654" y="4439417"/>
              <a:ext cx="23288" cy="44053"/>
            </a:xfrm>
            <a:custGeom>
              <a:avLst/>
              <a:gdLst/>
              <a:ahLst/>
              <a:cxnLst/>
              <a:rect l="l" t="t" r="r" b="b"/>
              <a:pathLst>
                <a:path w="369" h="698" extrusionOk="0">
                  <a:moveTo>
                    <a:pt x="1" y="1"/>
                  </a:moveTo>
                  <a:lnTo>
                    <a:pt x="1" y="697"/>
                  </a:lnTo>
                  <a:lnTo>
                    <a:pt x="369" y="697"/>
                  </a:lnTo>
                  <a:lnTo>
                    <a:pt x="369"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33" name="Google Shape;533;p28"/>
            <p:cNvSpPr/>
            <p:nvPr/>
          </p:nvSpPr>
          <p:spPr>
            <a:xfrm flipH="1">
              <a:off x="8091339" y="4347714"/>
              <a:ext cx="707211" cy="193061"/>
            </a:xfrm>
            <a:custGeom>
              <a:avLst/>
              <a:gdLst/>
              <a:ahLst/>
              <a:cxnLst/>
              <a:rect l="l" t="t" r="r" b="b"/>
              <a:pathLst>
                <a:path w="11206" h="3059" extrusionOk="0">
                  <a:moveTo>
                    <a:pt x="3072" y="0"/>
                  </a:moveTo>
                  <a:lnTo>
                    <a:pt x="1" y="3058"/>
                  </a:lnTo>
                  <a:lnTo>
                    <a:pt x="11206" y="3058"/>
                  </a:lnTo>
                  <a:lnTo>
                    <a:pt x="11206" y="2153"/>
                  </a:lnTo>
                  <a:lnTo>
                    <a:pt x="9035" y="2148"/>
                  </a:lnTo>
                  <a:lnTo>
                    <a:pt x="9035" y="1579"/>
                  </a:lnTo>
                  <a:lnTo>
                    <a:pt x="3072"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34" name="Google Shape;534;p28"/>
            <p:cNvSpPr/>
            <p:nvPr/>
          </p:nvSpPr>
          <p:spPr>
            <a:xfrm flipH="1">
              <a:off x="8064024" y="4540675"/>
              <a:ext cx="190726" cy="476127"/>
            </a:xfrm>
            <a:custGeom>
              <a:avLst/>
              <a:gdLst/>
              <a:ahLst/>
              <a:cxnLst/>
              <a:rect l="l" t="t" r="r" b="b"/>
              <a:pathLst>
                <a:path w="3022" h="1392" extrusionOk="0">
                  <a:moveTo>
                    <a:pt x="0" y="0"/>
                  </a:moveTo>
                  <a:lnTo>
                    <a:pt x="0" y="1391"/>
                  </a:lnTo>
                  <a:lnTo>
                    <a:pt x="3022" y="1391"/>
                  </a:lnTo>
                  <a:lnTo>
                    <a:pt x="3022"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35" name="Google Shape;535;p28"/>
            <p:cNvSpPr/>
            <p:nvPr/>
          </p:nvSpPr>
          <p:spPr>
            <a:xfrm flipH="1">
              <a:off x="8105476" y="4439417"/>
              <a:ext cx="107792" cy="44053"/>
            </a:xfrm>
            <a:custGeom>
              <a:avLst/>
              <a:gdLst/>
              <a:ahLst/>
              <a:cxnLst/>
              <a:rect l="l" t="t" r="r" b="b"/>
              <a:pathLst>
                <a:path w="1708" h="698" extrusionOk="0">
                  <a:moveTo>
                    <a:pt x="1" y="1"/>
                  </a:moveTo>
                  <a:lnTo>
                    <a:pt x="1" y="697"/>
                  </a:lnTo>
                  <a:lnTo>
                    <a:pt x="1707" y="697"/>
                  </a:lnTo>
                  <a:lnTo>
                    <a:pt x="170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36" name="Google Shape;536;p28"/>
            <p:cNvSpPr/>
            <p:nvPr/>
          </p:nvSpPr>
          <p:spPr>
            <a:xfrm flipH="1">
              <a:off x="8189980" y="4439417"/>
              <a:ext cx="23288" cy="44053"/>
            </a:xfrm>
            <a:custGeom>
              <a:avLst/>
              <a:gdLst/>
              <a:ahLst/>
              <a:cxnLst/>
              <a:rect l="l" t="t" r="r" b="b"/>
              <a:pathLst>
                <a:path w="369" h="698" extrusionOk="0">
                  <a:moveTo>
                    <a:pt x="1" y="1"/>
                  </a:moveTo>
                  <a:lnTo>
                    <a:pt x="1" y="697"/>
                  </a:lnTo>
                  <a:lnTo>
                    <a:pt x="369" y="697"/>
                  </a:lnTo>
                  <a:lnTo>
                    <a:pt x="369"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37" name="Google Shape;537;p28"/>
            <p:cNvSpPr/>
            <p:nvPr/>
          </p:nvSpPr>
          <p:spPr>
            <a:xfrm flipH="1">
              <a:off x="8105476" y="4439417"/>
              <a:ext cx="23288" cy="44053"/>
            </a:xfrm>
            <a:custGeom>
              <a:avLst/>
              <a:gdLst/>
              <a:ahLst/>
              <a:cxnLst/>
              <a:rect l="l" t="t" r="r" b="b"/>
              <a:pathLst>
                <a:path w="369" h="698" extrusionOk="0">
                  <a:moveTo>
                    <a:pt x="0" y="1"/>
                  </a:moveTo>
                  <a:lnTo>
                    <a:pt x="0" y="697"/>
                  </a:lnTo>
                  <a:lnTo>
                    <a:pt x="368" y="697"/>
                  </a:lnTo>
                  <a:lnTo>
                    <a:pt x="368"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38" name="Google Shape;538;p28"/>
            <p:cNvSpPr/>
            <p:nvPr/>
          </p:nvSpPr>
          <p:spPr>
            <a:xfrm flipH="1">
              <a:off x="9223911" y="1499321"/>
              <a:ext cx="602006" cy="230802"/>
            </a:xfrm>
            <a:custGeom>
              <a:avLst/>
              <a:gdLst/>
              <a:ahLst/>
              <a:cxnLst/>
              <a:rect l="l" t="t" r="r" b="b"/>
              <a:pathLst>
                <a:path w="9539" h="3657" extrusionOk="0">
                  <a:moveTo>
                    <a:pt x="0" y="1"/>
                  </a:moveTo>
                  <a:lnTo>
                    <a:pt x="0" y="3657"/>
                  </a:lnTo>
                  <a:lnTo>
                    <a:pt x="9539" y="3657"/>
                  </a:lnTo>
                  <a:lnTo>
                    <a:pt x="9539"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39" name="Google Shape;539;p28"/>
            <p:cNvSpPr/>
            <p:nvPr/>
          </p:nvSpPr>
          <p:spPr>
            <a:xfrm flipH="1">
              <a:off x="9104634" y="3617061"/>
              <a:ext cx="118205" cy="397104"/>
            </a:xfrm>
            <a:custGeom>
              <a:avLst/>
              <a:gdLst/>
              <a:ahLst/>
              <a:cxnLst/>
              <a:rect l="l" t="t" r="r" b="b"/>
              <a:pathLst>
                <a:path w="1873" h="6292" extrusionOk="0">
                  <a:moveTo>
                    <a:pt x="0" y="0"/>
                  </a:moveTo>
                  <a:lnTo>
                    <a:pt x="0" y="6291"/>
                  </a:lnTo>
                  <a:lnTo>
                    <a:pt x="1872" y="6291"/>
                  </a:lnTo>
                  <a:lnTo>
                    <a:pt x="1872"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40" name="Google Shape;540;p28"/>
            <p:cNvSpPr/>
            <p:nvPr/>
          </p:nvSpPr>
          <p:spPr>
            <a:xfrm flipH="1">
              <a:off x="8461101" y="1034939"/>
              <a:ext cx="322177" cy="322189"/>
            </a:xfrm>
            <a:custGeom>
              <a:avLst/>
              <a:gdLst/>
              <a:ahLst/>
              <a:cxnLst/>
              <a:rect l="l" t="t" r="r" b="b"/>
              <a:pathLst>
                <a:path w="5105" h="5105" extrusionOk="0">
                  <a:moveTo>
                    <a:pt x="3771" y="0"/>
                  </a:moveTo>
                  <a:cubicBezTo>
                    <a:pt x="3130" y="0"/>
                    <a:pt x="2595" y="452"/>
                    <a:pt x="2467" y="1054"/>
                  </a:cubicBezTo>
                  <a:lnTo>
                    <a:pt x="14" y="1054"/>
                  </a:lnTo>
                  <a:cubicBezTo>
                    <a:pt x="8" y="1147"/>
                    <a:pt x="0" y="1239"/>
                    <a:pt x="0" y="1334"/>
                  </a:cubicBezTo>
                  <a:cubicBezTo>
                    <a:pt x="0" y="3416"/>
                    <a:pt x="1688" y="5104"/>
                    <a:pt x="3771" y="5104"/>
                  </a:cubicBezTo>
                  <a:cubicBezTo>
                    <a:pt x="3880" y="5104"/>
                    <a:pt x="3987" y="5097"/>
                    <a:pt x="4094" y="5088"/>
                  </a:cubicBezTo>
                  <a:lnTo>
                    <a:pt x="4094" y="2627"/>
                  </a:lnTo>
                  <a:cubicBezTo>
                    <a:pt x="4675" y="2482"/>
                    <a:pt x="5105" y="1959"/>
                    <a:pt x="5105" y="1334"/>
                  </a:cubicBezTo>
                  <a:cubicBezTo>
                    <a:pt x="5105" y="598"/>
                    <a:pt x="4508" y="0"/>
                    <a:pt x="3771"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41" name="Google Shape;541;p28"/>
            <p:cNvSpPr/>
            <p:nvPr/>
          </p:nvSpPr>
          <p:spPr>
            <a:xfrm flipH="1">
              <a:off x="8844553" y="4540678"/>
              <a:ext cx="500147" cy="606776"/>
            </a:xfrm>
            <a:custGeom>
              <a:avLst/>
              <a:gdLst/>
              <a:ahLst/>
              <a:cxnLst/>
              <a:rect l="l" t="t" r="r" b="b"/>
              <a:pathLst>
                <a:path w="7925" h="2002" extrusionOk="0">
                  <a:moveTo>
                    <a:pt x="1" y="0"/>
                  </a:moveTo>
                  <a:lnTo>
                    <a:pt x="1" y="2001"/>
                  </a:lnTo>
                  <a:lnTo>
                    <a:pt x="7925" y="2001"/>
                  </a:lnTo>
                  <a:lnTo>
                    <a:pt x="792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42" name="Google Shape;542;p28"/>
            <p:cNvSpPr/>
            <p:nvPr/>
          </p:nvSpPr>
          <p:spPr>
            <a:xfrm flipH="1">
              <a:off x="8947805" y="3705166"/>
              <a:ext cx="503807" cy="343395"/>
            </a:xfrm>
            <a:custGeom>
              <a:avLst/>
              <a:gdLst/>
              <a:ahLst/>
              <a:cxnLst/>
              <a:rect l="l" t="t" r="r" b="b"/>
              <a:pathLst>
                <a:path w="7983" h="5441" extrusionOk="0">
                  <a:moveTo>
                    <a:pt x="0" y="1"/>
                  </a:moveTo>
                  <a:lnTo>
                    <a:pt x="0" y="5441"/>
                  </a:lnTo>
                  <a:lnTo>
                    <a:pt x="7982" y="5441"/>
                  </a:lnTo>
                  <a:lnTo>
                    <a:pt x="7982"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43" name="Google Shape;543;p28"/>
            <p:cNvSpPr/>
            <p:nvPr/>
          </p:nvSpPr>
          <p:spPr>
            <a:xfrm flipH="1">
              <a:off x="8947805" y="3705166"/>
              <a:ext cx="503807" cy="343395"/>
            </a:xfrm>
            <a:custGeom>
              <a:avLst/>
              <a:gdLst/>
              <a:ahLst/>
              <a:cxnLst/>
              <a:rect l="l" t="t" r="r" b="b"/>
              <a:pathLst>
                <a:path w="7983" h="5441" extrusionOk="0">
                  <a:moveTo>
                    <a:pt x="7412" y="1"/>
                  </a:moveTo>
                  <a:lnTo>
                    <a:pt x="7412" y="1308"/>
                  </a:lnTo>
                  <a:cubicBezTo>
                    <a:pt x="7412" y="1308"/>
                    <a:pt x="5013" y="1665"/>
                    <a:pt x="5013" y="4489"/>
                  </a:cubicBezTo>
                  <a:lnTo>
                    <a:pt x="787" y="4489"/>
                  </a:lnTo>
                  <a:cubicBezTo>
                    <a:pt x="522" y="4489"/>
                    <a:pt x="258" y="4529"/>
                    <a:pt x="8" y="4614"/>
                  </a:cubicBezTo>
                  <a:lnTo>
                    <a:pt x="0" y="4617"/>
                  </a:lnTo>
                  <a:lnTo>
                    <a:pt x="0" y="5441"/>
                  </a:lnTo>
                  <a:lnTo>
                    <a:pt x="7982" y="5441"/>
                  </a:lnTo>
                  <a:lnTo>
                    <a:pt x="7982"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44" name="Google Shape;544;p28"/>
            <p:cNvSpPr/>
            <p:nvPr/>
          </p:nvSpPr>
          <p:spPr>
            <a:xfrm flipH="1">
              <a:off x="8386884" y="3812709"/>
              <a:ext cx="717750" cy="592121"/>
            </a:xfrm>
            <a:custGeom>
              <a:avLst/>
              <a:gdLst/>
              <a:ahLst/>
              <a:cxnLst/>
              <a:rect l="l" t="t" r="r" b="b"/>
              <a:pathLst>
                <a:path w="11373" h="9382" extrusionOk="0">
                  <a:moveTo>
                    <a:pt x="2595" y="0"/>
                  </a:moveTo>
                  <a:cubicBezTo>
                    <a:pt x="1162" y="0"/>
                    <a:pt x="0" y="1162"/>
                    <a:pt x="0" y="2596"/>
                  </a:cubicBezTo>
                  <a:lnTo>
                    <a:pt x="0" y="6281"/>
                  </a:lnTo>
                  <a:cubicBezTo>
                    <a:pt x="0" y="7714"/>
                    <a:pt x="1162" y="8875"/>
                    <a:pt x="2595" y="8875"/>
                  </a:cubicBezTo>
                  <a:lnTo>
                    <a:pt x="11372" y="9382"/>
                  </a:lnTo>
                  <a:lnTo>
                    <a:pt x="11372" y="2596"/>
                  </a:lnTo>
                  <a:cubicBezTo>
                    <a:pt x="11372" y="1162"/>
                    <a:pt x="10210" y="0"/>
                    <a:pt x="8776"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45" name="Google Shape;545;p28"/>
            <p:cNvSpPr/>
            <p:nvPr/>
          </p:nvSpPr>
          <p:spPr>
            <a:xfrm flipH="1">
              <a:off x="8499472" y="3969039"/>
              <a:ext cx="605162" cy="406255"/>
            </a:xfrm>
            <a:custGeom>
              <a:avLst/>
              <a:gdLst/>
              <a:ahLst/>
              <a:cxnLst/>
              <a:rect l="l" t="t" r="r" b="b"/>
              <a:pathLst>
                <a:path w="9589" h="6437" extrusionOk="0">
                  <a:moveTo>
                    <a:pt x="6" y="1"/>
                  </a:moveTo>
                  <a:cubicBezTo>
                    <a:pt x="5" y="40"/>
                    <a:pt x="0" y="78"/>
                    <a:pt x="0" y="119"/>
                  </a:cubicBezTo>
                  <a:lnTo>
                    <a:pt x="0" y="3804"/>
                  </a:lnTo>
                  <a:cubicBezTo>
                    <a:pt x="0" y="5237"/>
                    <a:pt x="1162" y="6399"/>
                    <a:pt x="2595" y="6399"/>
                  </a:cubicBezTo>
                  <a:lnTo>
                    <a:pt x="8776" y="6399"/>
                  </a:lnTo>
                  <a:cubicBezTo>
                    <a:pt x="8966" y="6399"/>
                    <a:pt x="9150" y="6437"/>
                    <a:pt x="9328" y="6437"/>
                  </a:cubicBezTo>
                  <a:cubicBezTo>
                    <a:pt x="9416" y="6437"/>
                    <a:pt x="9503" y="6427"/>
                    <a:pt x="9589" y="6399"/>
                  </a:cubicBezTo>
                  <a:lnTo>
                    <a:pt x="9589"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46" name="Google Shape;546;p28"/>
            <p:cNvSpPr/>
            <p:nvPr/>
          </p:nvSpPr>
          <p:spPr>
            <a:xfrm flipH="1">
              <a:off x="8544469" y="4014101"/>
              <a:ext cx="1100323" cy="526674"/>
            </a:xfrm>
            <a:custGeom>
              <a:avLst/>
              <a:gdLst/>
              <a:ahLst/>
              <a:cxnLst/>
              <a:rect l="l" t="t" r="r" b="b"/>
              <a:pathLst>
                <a:path w="17435" h="8345" extrusionOk="0">
                  <a:moveTo>
                    <a:pt x="4131" y="0"/>
                  </a:moveTo>
                  <a:cubicBezTo>
                    <a:pt x="1850" y="0"/>
                    <a:pt x="1" y="1849"/>
                    <a:pt x="1" y="4131"/>
                  </a:cubicBezTo>
                  <a:lnTo>
                    <a:pt x="1" y="7589"/>
                  </a:lnTo>
                  <a:cubicBezTo>
                    <a:pt x="1" y="8006"/>
                    <a:pt x="339" y="8344"/>
                    <a:pt x="755" y="8344"/>
                  </a:cubicBezTo>
                  <a:lnTo>
                    <a:pt x="14550" y="8344"/>
                  </a:lnTo>
                  <a:cubicBezTo>
                    <a:pt x="16143" y="8344"/>
                    <a:pt x="17435" y="7053"/>
                    <a:pt x="17435" y="5459"/>
                  </a:cubicBezTo>
                  <a:lnTo>
                    <a:pt x="17435"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47" name="Google Shape;547;p28"/>
            <p:cNvSpPr/>
            <p:nvPr/>
          </p:nvSpPr>
          <p:spPr>
            <a:xfrm flipH="1">
              <a:off x="9191788" y="4469521"/>
              <a:ext cx="408890" cy="28148"/>
            </a:xfrm>
            <a:custGeom>
              <a:avLst/>
              <a:gdLst/>
              <a:ahLst/>
              <a:cxnLst/>
              <a:rect l="l" t="t" r="r" b="b"/>
              <a:pathLst>
                <a:path w="6479" h="446" extrusionOk="0">
                  <a:moveTo>
                    <a:pt x="0" y="0"/>
                  </a:moveTo>
                  <a:lnTo>
                    <a:pt x="0" y="446"/>
                  </a:lnTo>
                  <a:lnTo>
                    <a:pt x="6478" y="446"/>
                  </a:lnTo>
                  <a:lnTo>
                    <a:pt x="6478"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48" name="Google Shape;548;p28"/>
            <p:cNvSpPr/>
            <p:nvPr/>
          </p:nvSpPr>
          <p:spPr>
            <a:xfrm flipH="1">
              <a:off x="9191788" y="4409438"/>
              <a:ext cx="408890" cy="28211"/>
            </a:xfrm>
            <a:custGeom>
              <a:avLst/>
              <a:gdLst/>
              <a:ahLst/>
              <a:cxnLst/>
              <a:rect l="l" t="t" r="r" b="b"/>
              <a:pathLst>
                <a:path w="6479" h="447" extrusionOk="0">
                  <a:moveTo>
                    <a:pt x="0" y="0"/>
                  </a:moveTo>
                  <a:lnTo>
                    <a:pt x="0" y="447"/>
                  </a:lnTo>
                  <a:lnTo>
                    <a:pt x="6478" y="447"/>
                  </a:lnTo>
                  <a:lnTo>
                    <a:pt x="6478"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49" name="Google Shape;549;p28"/>
            <p:cNvSpPr/>
            <p:nvPr/>
          </p:nvSpPr>
          <p:spPr>
            <a:xfrm flipH="1">
              <a:off x="9191788" y="4349481"/>
              <a:ext cx="408890" cy="28148"/>
            </a:xfrm>
            <a:custGeom>
              <a:avLst/>
              <a:gdLst/>
              <a:ahLst/>
              <a:cxnLst/>
              <a:rect l="l" t="t" r="r" b="b"/>
              <a:pathLst>
                <a:path w="6479" h="446" extrusionOk="0">
                  <a:moveTo>
                    <a:pt x="0" y="0"/>
                  </a:moveTo>
                  <a:lnTo>
                    <a:pt x="0" y="446"/>
                  </a:lnTo>
                  <a:lnTo>
                    <a:pt x="6478" y="446"/>
                  </a:lnTo>
                  <a:lnTo>
                    <a:pt x="6478"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50" name="Google Shape;550;p28"/>
            <p:cNvSpPr/>
            <p:nvPr/>
          </p:nvSpPr>
          <p:spPr>
            <a:xfrm flipH="1">
              <a:off x="9191788" y="4289461"/>
              <a:ext cx="408890" cy="28148"/>
            </a:xfrm>
            <a:custGeom>
              <a:avLst/>
              <a:gdLst/>
              <a:ahLst/>
              <a:cxnLst/>
              <a:rect l="l" t="t" r="r" b="b"/>
              <a:pathLst>
                <a:path w="6479" h="446" extrusionOk="0">
                  <a:moveTo>
                    <a:pt x="0" y="0"/>
                  </a:moveTo>
                  <a:lnTo>
                    <a:pt x="0" y="446"/>
                  </a:lnTo>
                  <a:lnTo>
                    <a:pt x="6478" y="446"/>
                  </a:lnTo>
                  <a:lnTo>
                    <a:pt x="6478"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51" name="Google Shape;551;p28"/>
            <p:cNvSpPr/>
            <p:nvPr/>
          </p:nvSpPr>
          <p:spPr>
            <a:xfrm flipH="1">
              <a:off x="9191788" y="4229441"/>
              <a:ext cx="408890" cy="28148"/>
            </a:xfrm>
            <a:custGeom>
              <a:avLst/>
              <a:gdLst/>
              <a:ahLst/>
              <a:cxnLst/>
              <a:rect l="l" t="t" r="r" b="b"/>
              <a:pathLst>
                <a:path w="6479" h="446" extrusionOk="0">
                  <a:moveTo>
                    <a:pt x="0" y="0"/>
                  </a:moveTo>
                  <a:lnTo>
                    <a:pt x="0" y="446"/>
                  </a:lnTo>
                  <a:lnTo>
                    <a:pt x="6478" y="446"/>
                  </a:lnTo>
                  <a:lnTo>
                    <a:pt x="6478"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52" name="Google Shape;552;p28"/>
            <p:cNvSpPr/>
            <p:nvPr/>
          </p:nvSpPr>
          <p:spPr>
            <a:xfrm flipH="1">
              <a:off x="8582209" y="4259230"/>
              <a:ext cx="88543" cy="88547"/>
            </a:xfrm>
            <a:custGeom>
              <a:avLst/>
              <a:gdLst/>
              <a:ahLst/>
              <a:cxnLst/>
              <a:rect l="l" t="t" r="r" b="b"/>
              <a:pathLst>
                <a:path w="1403" h="1403" extrusionOk="0">
                  <a:moveTo>
                    <a:pt x="701" y="1"/>
                  </a:moveTo>
                  <a:cubicBezTo>
                    <a:pt x="315" y="1"/>
                    <a:pt x="1" y="315"/>
                    <a:pt x="1" y="702"/>
                  </a:cubicBezTo>
                  <a:cubicBezTo>
                    <a:pt x="1" y="1089"/>
                    <a:pt x="314" y="1402"/>
                    <a:pt x="701" y="1402"/>
                  </a:cubicBezTo>
                  <a:cubicBezTo>
                    <a:pt x="1088" y="1402"/>
                    <a:pt x="1402" y="1089"/>
                    <a:pt x="1402" y="702"/>
                  </a:cubicBezTo>
                  <a:cubicBezTo>
                    <a:pt x="1402" y="315"/>
                    <a:pt x="1088" y="1"/>
                    <a:pt x="701"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53" name="Google Shape;553;p28"/>
            <p:cNvSpPr/>
            <p:nvPr/>
          </p:nvSpPr>
          <p:spPr>
            <a:xfrm flipH="1">
              <a:off x="8592370" y="4269328"/>
              <a:ext cx="68348" cy="68414"/>
            </a:xfrm>
            <a:custGeom>
              <a:avLst/>
              <a:gdLst/>
              <a:ahLst/>
              <a:cxnLst/>
              <a:rect l="l" t="t" r="r" b="b"/>
              <a:pathLst>
                <a:path w="1083" h="1084" extrusionOk="0">
                  <a:moveTo>
                    <a:pt x="542" y="1"/>
                  </a:moveTo>
                  <a:cubicBezTo>
                    <a:pt x="244" y="1"/>
                    <a:pt x="1" y="243"/>
                    <a:pt x="1" y="542"/>
                  </a:cubicBezTo>
                  <a:cubicBezTo>
                    <a:pt x="1" y="840"/>
                    <a:pt x="244" y="1083"/>
                    <a:pt x="542" y="1083"/>
                  </a:cubicBezTo>
                  <a:cubicBezTo>
                    <a:pt x="841" y="1083"/>
                    <a:pt x="1083" y="840"/>
                    <a:pt x="1083" y="542"/>
                  </a:cubicBezTo>
                  <a:cubicBezTo>
                    <a:pt x="1083" y="243"/>
                    <a:pt x="841" y="1"/>
                    <a:pt x="542"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54" name="Google Shape;554;p28"/>
            <p:cNvSpPr/>
            <p:nvPr/>
          </p:nvSpPr>
          <p:spPr>
            <a:xfrm flipH="1">
              <a:off x="8602215" y="4282456"/>
              <a:ext cx="48595" cy="42159"/>
            </a:xfrm>
            <a:custGeom>
              <a:avLst/>
              <a:gdLst/>
              <a:ahLst/>
              <a:cxnLst/>
              <a:rect l="l" t="t" r="r" b="b"/>
              <a:pathLst>
                <a:path w="770" h="668" extrusionOk="0">
                  <a:moveTo>
                    <a:pt x="193" y="1"/>
                  </a:moveTo>
                  <a:lnTo>
                    <a:pt x="1" y="334"/>
                  </a:lnTo>
                  <a:lnTo>
                    <a:pt x="193" y="667"/>
                  </a:lnTo>
                  <a:lnTo>
                    <a:pt x="578" y="667"/>
                  </a:lnTo>
                  <a:lnTo>
                    <a:pt x="770" y="334"/>
                  </a:lnTo>
                  <a:lnTo>
                    <a:pt x="578"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55" name="Google Shape;555;p28"/>
            <p:cNvSpPr/>
            <p:nvPr/>
          </p:nvSpPr>
          <p:spPr>
            <a:xfrm flipH="1">
              <a:off x="8582209" y="4048498"/>
              <a:ext cx="88543" cy="88547"/>
            </a:xfrm>
            <a:custGeom>
              <a:avLst/>
              <a:gdLst/>
              <a:ahLst/>
              <a:cxnLst/>
              <a:rect l="l" t="t" r="r" b="b"/>
              <a:pathLst>
                <a:path w="1403" h="1403" extrusionOk="0">
                  <a:moveTo>
                    <a:pt x="701" y="1"/>
                  </a:moveTo>
                  <a:cubicBezTo>
                    <a:pt x="315" y="1"/>
                    <a:pt x="1" y="315"/>
                    <a:pt x="1" y="702"/>
                  </a:cubicBezTo>
                  <a:cubicBezTo>
                    <a:pt x="1" y="1089"/>
                    <a:pt x="314" y="1403"/>
                    <a:pt x="701" y="1403"/>
                  </a:cubicBezTo>
                  <a:cubicBezTo>
                    <a:pt x="1088" y="1403"/>
                    <a:pt x="1402" y="1089"/>
                    <a:pt x="1402" y="702"/>
                  </a:cubicBezTo>
                  <a:cubicBezTo>
                    <a:pt x="1402" y="315"/>
                    <a:pt x="1088" y="1"/>
                    <a:pt x="701"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56" name="Google Shape;556;p28"/>
            <p:cNvSpPr/>
            <p:nvPr/>
          </p:nvSpPr>
          <p:spPr>
            <a:xfrm flipH="1">
              <a:off x="8592370" y="4058659"/>
              <a:ext cx="68348" cy="68351"/>
            </a:xfrm>
            <a:custGeom>
              <a:avLst/>
              <a:gdLst/>
              <a:ahLst/>
              <a:cxnLst/>
              <a:rect l="l" t="t" r="r" b="b"/>
              <a:pathLst>
                <a:path w="1083" h="1083" extrusionOk="0">
                  <a:moveTo>
                    <a:pt x="542" y="0"/>
                  </a:moveTo>
                  <a:cubicBezTo>
                    <a:pt x="244" y="0"/>
                    <a:pt x="1" y="242"/>
                    <a:pt x="1" y="541"/>
                  </a:cubicBezTo>
                  <a:cubicBezTo>
                    <a:pt x="1" y="840"/>
                    <a:pt x="244" y="1082"/>
                    <a:pt x="542" y="1082"/>
                  </a:cubicBezTo>
                  <a:cubicBezTo>
                    <a:pt x="841" y="1082"/>
                    <a:pt x="1083" y="840"/>
                    <a:pt x="1083" y="541"/>
                  </a:cubicBezTo>
                  <a:cubicBezTo>
                    <a:pt x="1083" y="242"/>
                    <a:pt x="841" y="0"/>
                    <a:pt x="542"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57" name="Google Shape;557;p28"/>
            <p:cNvSpPr/>
            <p:nvPr/>
          </p:nvSpPr>
          <p:spPr>
            <a:xfrm flipH="1">
              <a:off x="8602215" y="4071723"/>
              <a:ext cx="48595" cy="42159"/>
            </a:xfrm>
            <a:custGeom>
              <a:avLst/>
              <a:gdLst/>
              <a:ahLst/>
              <a:cxnLst/>
              <a:rect l="l" t="t" r="r" b="b"/>
              <a:pathLst>
                <a:path w="770" h="668" extrusionOk="0">
                  <a:moveTo>
                    <a:pt x="193" y="1"/>
                  </a:moveTo>
                  <a:lnTo>
                    <a:pt x="1" y="334"/>
                  </a:lnTo>
                  <a:lnTo>
                    <a:pt x="193" y="668"/>
                  </a:lnTo>
                  <a:lnTo>
                    <a:pt x="578" y="668"/>
                  </a:lnTo>
                  <a:lnTo>
                    <a:pt x="770" y="334"/>
                  </a:lnTo>
                  <a:lnTo>
                    <a:pt x="578"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58" name="Google Shape;558;p28"/>
            <p:cNvSpPr/>
            <p:nvPr/>
          </p:nvSpPr>
          <p:spPr>
            <a:xfrm flipH="1">
              <a:off x="8983841" y="4048498"/>
              <a:ext cx="88480" cy="88547"/>
            </a:xfrm>
            <a:custGeom>
              <a:avLst/>
              <a:gdLst/>
              <a:ahLst/>
              <a:cxnLst/>
              <a:rect l="l" t="t" r="r" b="b"/>
              <a:pathLst>
                <a:path w="1402" h="1403" extrusionOk="0">
                  <a:moveTo>
                    <a:pt x="701" y="1"/>
                  </a:moveTo>
                  <a:cubicBezTo>
                    <a:pt x="314" y="1"/>
                    <a:pt x="0" y="315"/>
                    <a:pt x="0" y="702"/>
                  </a:cubicBezTo>
                  <a:cubicBezTo>
                    <a:pt x="0" y="1089"/>
                    <a:pt x="314" y="1403"/>
                    <a:pt x="701" y="1403"/>
                  </a:cubicBezTo>
                  <a:cubicBezTo>
                    <a:pt x="1088" y="1403"/>
                    <a:pt x="1402" y="1089"/>
                    <a:pt x="1402" y="702"/>
                  </a:cubicBezTo>
                  <a:cubicBezTo>
                    <a:pt x="1402" y="315"/>
                    <a:pt x="1088" y="1"/>
                    <a:pt x="701"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59" name="Google Shape;559;p28"/>
            <p:cNvSpPr/>
            <p:nvPr/>
          </p:nvSpPr>
          <p:spPr>
            <a:xfrm flipH="1">
              <a:off x="8993876" y="4058659"/>
              <a:ext cx="68348" cy="68351"/>
            </a:xfrm>
            <a:custGeom>
              <a:avLst/>
              <a:gdLst/>
              <a:ahLst/>
              <a:cxnLst/>
              <a:rect l="l" t="t" r="r" b="b"/>
              <a:pathLst>
                <a:path w="1083" h="1083" extrusionOk="0">
                  <a:moveTo>
                    <a:pt x="541" y="0"/>
                  </a:moveTo>
                  <a:cubicBezTo>
                    <a:pt x="242" y="0"/>
                    <a:pt x="0" y="242"/>
                    <a:pt x="0" y="541"/>
                  </a:cubicBezTo>
                  <a:cubicBezTo>
                    <a:pt x="0" y="840"/>
                    <a:pt x="242" y="1082"/>
                    <a:pt x="541" y="1082"/>
                  </a:cubicBezTo>
                  <a:cubicBezTo>
                    <a:pt x="840" y="1082"/>
                    <a:pt x="1083" y="840"/>
                    <a:pt x="1083" y="541"/>
                  </a:cubicBezTo>
                  <a:cubicBezTo>
                    <a:pt x="1083" y="242"/>
                    <a:pt x="840" y="0"/>
                    <a:pt x="541"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60" name="Google Shape;560;p28"/>
            <p:cNvSpPr/>
            <p:nvPr/>
          </p:nvSpPr>
          <p:spPr>
            <a:xfrm flipH="1">
              <a:off x="9003784" y="4071723"/>
              <a:ext cx="48595" cy="42159"/>
            </a:xfrm>
            <a:custGeom>
              <a:avLst/>
              <a:gdLst/>
              <a:ahLst/>
              <a:cxnLst/>
              <a:rect l="l" t="t" r="r" b="b"/>
              <a:pathLst>
                <a:path w="770" h="668" extrusionOk="0">
                  <a:moveTo>
                    <a:pt x="193" y="1"/>
                  </a:moveTo>
                  <a:lnTo>
                    <a:pt x="0" y="334"/>
                  </a:lnTo>
                  <a:lnTo>
                    <a:pt x="193" y="668"/>
                  </a:lnTo>
                  <a:lnTo>
                    <a:pt x="577" y="668"/>
                  </a:lnTo>
                  <a:lnTo>
                    <a:pt x="770" y="334"/>
                  </a:lnTo>
                  <a:lnTo>
                    <a:pt x="577"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61" name="Google Shape;561;p28"/>
            <p:cNvSpPr/>
            <p:nvPr/>
          </p:nvSpPr>
          <p:spPr>
            <a:xfrm flipH="1">
              <a:off x="8545227" y="2585739"/>
              <a:ext cx="402705" cy="1177048"/>
            </a:xfrm>
            <a:custGeom>
              <a:avLst/>
              <a:gdLst/>
              <a:ahLst/>
              <a:cxnLst/>
              <a:rect l="l" t="t" r="r" b="b"/>
              <a:pathLst>
                <a:path w="6381" h="18650" extrusionOk="0">
                  <a:moveTo>
                    <a:pt x="0" y="1"/>
                  </a:moveTo>
                  <a:lnTo>
                    <a:pt x="0" y="18649"/>
                  </a:lnTo>
                  <a:lnTo>
                    <a:pt x="6380" y="18649"/>
                  </a:lnTo>
                  <a:lnTo>
                    <a:pt x="6380"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62" name="Google Shape;562;p28"/>
            <p:cNvSpPr/>
            <p:nvPr/>
          </p:nvSpPr>
          <p:spPr>
            <a:xfrm flipH="1">
              <a:off x="8544469" y="3762661"/>
              <a:ext cx="403462" cy="50111"/>
            </a:xfrm>
            <a:custGeom>
              <a:avLst/>
              <a:gdLst/>
              <a:ahLst/>
              <a:cxnLst/>
              <a:rect l="l" t="t" r="r" b="b"/>
              <a:pathLst>
                <a:path w="6393" h="794" extrusionOk="0">
                  <a:moveTo>
                    <a:pt x="0" y="0"/>
                  </a:moveTo>
                  <a:lnTo>
                    <a:pt x="0" y="793"/>
                  </a:lnTo>
                  <a:lnTo>
                    <a:pt x="6393" y="793"/>
                  </a:lnTo>
                  <a:lnTo>
                    <a:pt x="6393"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63" name="Google Shape;563;p28"/>
            <p:cNvSpPr/>
            <p:nvPr/>
          </p:nvSpPr>
          <p:spPr>
            <a:xfrm flipH="1">
              <a:off x="8916692" y="3772065"/>
              <a:ext cx="13506" cy="31304"/>
            </a:xfrm>
            <a:custGeom>
              <a:avLst/>
              <a:gdLst/>
              <a:ahLst/>
              <a:cxnLst/>
              <a:rect l="l" t="t" r="r" b="b"/>
              <a:pathLst>
                <a:path w="214" h="496" extrusionOk="0">
                  <a:moveTo>
                    <a:pt x="107" y="0"/>
                  </a:moveTo>
                  <a:cubicBezTo>
                    <a:pt x="49" y="0"/>
                    <a:pt x="1" y="48"/>
                    <a:pt x="1" y="107"/>
                  </a:cubicBezTo>
                  <a:lnTo>
                    <a:pt x="1" y="389"/>
                  </a:lnTo>
                  <a:cubicBezTo>
                    <a:pt x="1" y="448"/>
                    <a:pt x="49" y="495"/>
                    <a:pt x="107" y="495"/>
                  </a:cubicBezTo>
                  <a:cubicBezTo>
                    <a:pt x="166" y="495"/>
                    <a:pt x="213" y="448"/>
                    <a:pt x="213" y="389"/>
                  </a:cubicBezTo>
                  <a:lnTo>
                    <a:pt x="213" y="107"/>
                  </a:lnTo>
                  <a:cubicBezTo>
                    <a:pt x="213" y="48"/>
                    <a:pt x="166" y="0"/>
                    <a:pt x="10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64" name="Google Shape;564;p28"/>
            <p:cNvSpPr/>
            <p:nvPr/>
          </p:nvSpPr>
          <p:spPr>
            <a:xfrm flipH="1">
              <a:off x="8877311" y="3772065"/>
              <a:ext cx="13506" cy="31304"/>
            </a:xfrm>
            <a:custGeom>
              <a:avLst/>
              <a:gdLst/>
              <a:ahLst/>
              <a:cxnLst/>
              <a:rect l="l" t="t" r="r" b="b"/>
              <a:pathLst>
                <a:path w="214" h="496" extrusionOk="0">
                  <a:moveTo>
                    <a:pt x="107" y="0"/>
                  </a:moveTo>
                  <a:cubicBezTo>
                    <a:pt x="48" y="0"/>
                    <a:pt x="1" y="48"/>
                    <a:pt x="1" y="107"/>
                  </a:cubicBezTo>
                  <a:lnTo>
                    <a:pt x="1" y="389"/>
                  </a:lnTo>
                  <a:cubicBezTo>
                    <a:pt x="1" y="448"/>
                    <a:pt x="48" y="495"/>
                    <a:pt x="107" y="495"/>
                  </a:cubicBezTo>
                  <a:cubicBezTo>
                    <a:pt x="166" y="495"/>
                    <a:pt x="214" y="448"/>
                    <a:pt x="214" y="389"/>
                  </a:cubicBezTo>
                  <a:lnTo>
                    <a:pt x="214" y="107"/>
                  </a:lnTo>
                  <a:cubicBezTo>
                    <a:pt x="214" y="48"/>
                    <a:pt x="166" y="0"/>
                    <a:pt x="10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65" name="Google Shape;565;p28"/>
            <p:cNvSpPr/>
            <p:nvPr/>
          </p:nvSpPr>
          <p:spPr>
            <a:xfrm flipH="1">
              <a:off x="8837868" y="3772065"/>
              <a:ext cx="13506" cy="31304"/>
            </a:xfrm>
            <a:custGeom>
              <a:avLst/>
              <a:gdLst/>
              <a:ahLst/>
              <a:cxnLst/>
              <a:rect l="l" t="t" r="r" b="b"/>
              <a:pathLst>
                <a:path w="214" h="496" extrusionOk="0">
                  <a:moveTo>
                    <a:pt x="107" y="0"/>
                  </a:moveTo>
                  <a:cubicBezTo>
                    <a:pt x="48" y="0"/>
                    <a:pt x="0" y="48"/>
                    <a:pt x="0" y="107"/>
                  </a:cubicBezTo>
                  <a:lnTo>
                    <a:pt x="0" y="389"/>
                  </a:lnTo>
                  <a:cubicBezTo>
                    <a:pt x="0" y="448"/>
                    <a:pt x="48" y="495"/>
                    <a:pt x="107" y="495"/>
                  </a:cubicBezTo>
                  <a:cubicBezTo>
                    <a:pt x="166" y="495"/>
                    <a:pt x="213" y="448"/>
                    <a:pt x="213" y="389"/>
                  </a:cubicBezTo>
                  <a:lnTo>
                    <a:pt x="213" y="107"/>
                  </a:lnTo>
                  <a:cubicBezTo>
                    <a:pt x="213" y="48"/>
                    <a:pt x="166" y="0"/>
                    <a:pt x="10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66" name="Google Shape;566;p28"/>
            <p:cNvSpPr/>
            <p:nvPr/>
          </p:nvSpPr>
          <p:spPr>
            <a:xfrm flipH="1">
              <a:off x="8798487" y="3772065"/>
              <a:ext cx="13506" cy="31304"/>
            </a:xfrm>
            <a:custGeom>
              <a:avLst/>
              <a:gdLst/>
              <a:ahLst/>
              <a:cxnLst/>
              <a:rect l="l" t="t" r="r" b="b"/>
              <a:pathLst>
                <a:path w="214" h="496" extrusionOk="0">
                  <a:moveTo>
                    <a:pt x="106" y="0"/>
                  </a:moveTo>
                  <a:cubicBezTo>
                    <a:pt x="48" y="0"/>
                    <a:pt x="1" y="48"/>
                    <a:pt x="1" y="107"/>
                  </a:cubicBezTo>
                  <a:lnTo>
                    <a:pt x="1" y="389"/>
                  </a:lnTo>
                  <a:cubicBezTo>
                    <a:pt x="1" y="448"/>
                    <a:pt x="48" y="495"/>
                    <a:pt x="106" y="495"/>
                  </a:cubicBezTo>
                  <a:cubicBezTo>
                    <a:pt x="165" y="495"/>
                    <a:pt x="214" y="448"/>
                    <a:pt x="214" y="389"/>
                  </a:cubicBezTo>
                  <a:lnTo>
                    <a:pt x="214" y="107"/>
                  </a:lnTo>
                  <a:cubicBezTo>
                    <a:pt x="214" y="48"/>
                    <a:pt x="165" y="0"/>
                    <a:pt x="10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67" name="Google Shape;567;p28"/>
            <p:cNvSpPr/>
            <p:nvPr/>
          </p:nvSpPr>
          <p:spPr>
            <a:xfrm flipH="1">
              <a:off x="8759169" y="3772065"/>
              <a:ext cx="13506" cy="31304"/>
            </a:xfrm>
            <a:custGeom>
              <a:avLst/>
              <a:gdLst/>
              <a:ahLst/>
              <a:cxnLst/>
              <a:rect l="l" t="t" r="r" b="b"/>
              <a:pathLst>
                <a:path w="214" h="496" extrusionOk="0">
                  <a:moveTo>
                    <a:pt x="107" y="0"/>
                  </a:moveTo>
                  <a:cubicBezTo>
                    <a:pt x="48" y="0"/>
                    <a:pt x="1" y="48"/>
                    <a:pt x="1" y="107"/>
                  </a:cubicBezTo>
                  <a:lnTo>
                    <a:pt x="1" y="389"/>
                  </a:lnTo>
                  <a:cubicBezTo>
                    <a:pt x="1" y="448"/>
                    <a:pt x="48" y="495"/>
                    <a:pt x="107" y="495"/>
                  </a:cubicBezTo>
                  <a:cubicBezTo>
                    <a:pt x="166" y="495"/>
                    <a:pt x="214" y="448"/>
                    <a:pt x="214" y="389"/>
                  </a:cubicBezTo>
                  <a:lnTo>
                    <a:pt x="214" y="107"/>
                  </a:lnTo>
                  <a:cubicBezTo>
                    <a:pt x="214" y="48"/>
                    <a:pt x="166" y="0"/>
                    <a:pt x="10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68" name="Google Shape;568;p28"/>
            <p:cNvSpPr/>
            <p:nvPr/>
          </p:nvSpPr>
          <p:spPr>
            <a:xfrm flipH="1">
              <a:off x="8719726" y="3772065"/>
              <a:ext cx="13506" cy="31304"/>
            </a:xfrm>
            <a:custGeom>
              <a:avLst/>
              <a:gdLst/>
              <a:ahLst/>
              <a:cxnLst/>
              <a:rect l="l" t="t" r="r" b="b"/>
              <a:pathLst>
                <a:path w="214" h="496" extrusionOk="0">
                  <a:moveTo>
                    <a:pt x="107" y="0"/>
                  </a:moveTo>
                  <a:cubicBezTo>
                    <a:pt x="48" y="0"/>
                    <a:pt x="0" y="48"/>
                    <a:pt x="0" y="107"/>
                  </a:cubicBezTo>
                  <a:lnTo>
                    <a:pt x="0" y="389"/>
                  </a:lnTo>
                  <a:cubicBezTo>
                    <a:pt x="0" y="448"/>
                    <a:pt x="48" y="495"/>
                    <a:pt x="107" y="495"/>
                  </a:cubicBezTo>
                  <a:cubicBezTo>
                    <a:pt x="166" y="495"/>
                    <a:pt x="213" y="448"/>
                    <a:pt x="213" y="389"/>
                  </a:cubicBezTo>
                  <a:lnTo>
                    <a:pt x="213" y="107"/>
                  </a:lnTo>
                  <a:cubicBezTo>
                    <a:pt x="213" y="48"/>
                    <a:pt x="166" y="0"/>
                    <a:pt x="10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69" name="Google Shape;569;p28"/>
            <p:cNvSpPr/>
            <p:nvPr/>
          </p:nvSpPr>
          <p:spPr>
            <a:xfrm flipH="1">
              <a:off x="8680345" y="3772065"/>
              <a:ext cx="13506" cy="31304"/>
            </a:xfrm>
            <a:custGeom>
              <a:avLst/>
              <a:gdLst/>
              <a:ahLst/>
              <a:cxnLst/>
              <a:rect l="l" t="t" r="r" b="b"/>
              <a:pathLst>
                <a:path w="214" h="496" extrusionOk="0">
                  <a:moveTo>
                    <a:pt x="107" y="0"/>
                  </a:moveTo>
                  <a:cubicBezTo>
                    <a:pt x="48" y="0"/>
                    <a:pt x="1" y="48"/>
                    <a:pt x="1" y="107"/>
                  </a:cubicBezTo>
                  <a:lnTo>
                    <a:pt x="1" y="389"/>
                  </a:lnTo>
                  <a:cubicBezTo>
                    <a:pt x="1" y="448"/>
                    <a:pt x="48" y="495"/>
                    <a:pt x="107" y="495"/>
                  </a:cubicBezTo>
                  <a:cubicBezTo>
                    <a:pt x="166" y="495"/>
                    <a:pt x="214" y="448"/>
                    <a:pt x="214" y="389"/>
                  </a:cubicBezTo>
                  <a:lnTo>
                    <a:pt x="214" y="107"/>
                  </a:lnTo>
                  <a:cubicBezTo>
                    <a:pt x="214" y="48"/>
                    <a:pt x="166" y="0"/>
                    <a:pt x="10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70" name="Google Shape;570;p28"/>
            <p:cNvSpPr/>
            <p:nvPr/>
          </p:nvSpPr>
          <p:spPr>
            <a:xfrm flipH="1">
              <a:off x="8641028" y="3772065"/>
              <a:ext cx="13506" cy="31304"/>
            </a:xfrm>
            <a:custGeom>
              <a:avLst/>
              <a:gdLst/>
              <a:ahLst/>
              <a:cxnLst/>
              <a:rect l="l" t="t" r="r" b="b"/>
              <a:pathLst>
                <a:path w="214" h="496" extrusionOk="0">
                  <a:moveTo>
                    <a:pt x="107" y="0"/>
                  </a:moveTo>
                  <a:cubicBezTo>
                    <a:pt x="49" y="0"/>
                    <a:pt x="1" y="48"/>
                    <a:pt x="1" y="107"/>
                  </a:cubicBezTo>
                  <a:lnTo>
                    <a:pt x="1" y="389"/>
                  </a:lnTo>
                  <a:cubicBezTo>
                    <a:pt x="1" y="448"/>
                    <a:pt x="49" y="495"/>
                    <a:pt x="107" y="495"/>
                  </a:cubicBezTo>
                  <a:cubicBezTo>
                    <a:pt x="166" y="495"/>
                    <a:pt x="214" y="448"/>
                    <a:pt x="214" y="389"/>
                  </a:cubicBezTo>
                  <a:lnTo>
                    <a:pt x="214" y="107"/>
                  </a:lnTo>
                  <a:cubicBezTo>
                    <a:pt x="214" y="48"/>
                    <a:pt x="166" y="0"/>
                    <a:pt x="10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71" name="Google Shape;571;p28"/>
            <p:cNvSpPr/>
            <p:nvPr/>
          </p:nvSpPr>
          <p:spPr>
            <a:xfrm flipH="1">
              <a:off x="8601584" y="3772065"/>
              <a:ext cx="13506" cy="31304"/>
            </a:xfrm>
            <a:custGeom>
              <a:avLst/>
              <a:gdLst/>
              <a:ahLst/>
              <a:cxnLst/>
              <a:rect l="l" t="t" r="r" b="b"/>
              <a:pathLst>
                <a:path w="214" h="496" extrusionOk="0">
                  <a:moveTo>
                    <a:pt x="107" y="0"/>
                  </a:moveTo>
                  <a:cubicBezTo>
                    <a:pt x="48" y="0"/>
                    <a:pt x="0" y="48"/>
                    <a:pt x="0" y="107"/>
                  </a:cubicBezTo>
                  <a:lnTo>
                    <a:pt x="0" y="389"/>
                  </a:lnTo>
                  <a:cubicBezTo>
                    <a:pt x="0" y="448"/>
                    <a:pt x="48" y="495"/>
                    <a:pt x="107" y="495"/>
                  </a:cubicBezTo>
                  <a:cubicBezTo>
                    <a:pt x="166" y="495"/>
                    <a:pt x="213" y="448"/>
                    <a:pt x="213" y="389"/>
                  </a:cubicBezTo>
                  <a:lnTo>
                    <a:pt x="213" y="107"/>
                  </a:lnTo>
                  <a:cubicBezTo>
                    <a:pt x="213" y="48"/>
                    <a:pt x="166" y="0"/>
                    <a:pt x="10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72" name="Google Shape;572;p28"/>
            <p:cNvSpPr/>
            <p:nvPr/>
          </p:nvSpPr>
          <p:spPr>
            <a:xfrm flipH="1">
              <a:off x="8562203" y="3772065"/>
              <a:ext cx="13506" cy="31304"/>
            </a:xfrm>
            <a:custGeom>
              <a:avLst/>
              <a:gdLst/>
              <a:ahLst/>
              <a:cxnLst/>
              <a:rect l="l" t="t" r="r" b="b"/>
              <a:pathLst>
                <a:path w="214" h="496" extrusionOk="0">
                  <a:moveTo>
                    <a:pt x="107" y="0"/>
                  </a:moveTo>
                  <a:cubicBezTo>
                    <a:pt x="48" y="0"/>
                    <a:pt x="1" y="48"/>
                    <a:pt x="1" y="107"/>
                  </a:cubicBezTo>
                  <a:lnTo>
                    <a:pt x="1" y="389"/>
                  </a:lnTo>
                  <a:cubicBezTo>
                    <a:pt x="1" y="448"/>
                    <a:pt x="48" y="495"/>
                    <a:pt x="107" y="495"/>
                  </a:cubicBezTo>
                  <a:cubicBezTo>
                    <a:pt x="166" y="495"/>
                    <a:pt x="214" y="448"/>
                    <a:pt x="214" y="389"/>
                  </a:cubicBezTo>
                  <a:lnTo>
                    <a:pt x="214" y="107"/>
                  </a:lnTo>
                  <a:cubicBezTo>
                    <a:pt x="214" y="48"/>
                    <a:pt x="166" y="0"/>
                    <a:pt x="10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73" name="Google Shape;573;p28"/>
            <p:cNvSpPr/>
            <p:nvPr/>
          </p:nvSpPr>
          <p:spPr>
            <a:xfrm flipH="1">
              <a:off x="9104634" y="3617061"/>
              <a:ext cx="118205" cy="41339"/>
            </a:xfrm>
            <a:custGeom>
              <a:avLst/>
              <a:gdLst/>
              <a:ahLst/>
              <a:cxnLst/>
              <a:rect l="l" t="t" r="r" b="b"/>
              <a:pathLst>
                <a:path w="1873" h="655" extrusionOk="0">
                  <a:moveTo>
                    <a:pt x="0" y="0"/>
                  </a:moveTo>
                  <a:lnTo>
                    <a:pt x="0" y="655"/>
                  </a:lnTo>
                  <a:lnTo>
                    <a:pt x="1872" y="655"/>
                  </a:lnTo>
                  <a:lnTo>
                    <a:pt x="1872"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74" name="Google Shape;574;p28"/>
            <p:cNvSpPr/>
            <p:nvPr/>
          </p:nvSpPr>
          <p:spPr>
            <a:xfrm flipH="1">
              <a:off x="8923382" y="3522329"/>
              <a:ext cx="480646" cy="94795"/>
            </a:xfrm>
            <a:custGeom>
              <a:avLst/>
              <a:gdLst/>
              <a:ahLst/>
              <a:cxnLst/>
              <a:rect l="l" t="t" r="r" b="b"/>
              <a:pathLst>
                <a:path w="7616" h="1502" extrusionOk="0">
                  <a:moveTo>
                    <a:pt x="1" y="0"/>
                  </a:moveTo>
                  <a:lnTo>
                    <a:pt x="1" y="1501"/>
                  </a:lnTo>
                  <a:lnTo>
                    <a:pt x="7615" y="1501"/>
                  </a:lnTo>
                  <a:lnTo>
                    <a:pt x="7615"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75" name="Google Shape;575;p28"/>
            <p:cNvSpPr/>
            <p:nvPr/>
          </p:nvSpPr>
          <p:spPr>
            <a:xfrm flipH="1">
              <a:off x="9376511" y="3529839"/>
              <a:ext cx="16977" cy="79774"/>
            </a:xfrm>
            <a:custGeom>
              <a:avLst/>
              <a:gdLst/>
              <a:ahLst/>
              <a:cxnLst/>
              <a:rect l="l" t="t" r="r" b="b"/>
              <a:pathLst>
                <a:path w="269" h="1264" extrusionOk="0">
                  <a:moveTo>
                    <a:pt x="0" y="0"/>
                  </a:moveTo>
                  <a:lnTo>
                    <a:pt x="0" y="1263"/>
                  </a:lnTo>
                  <a:lnTo>
                    <a:pt x="268" y="1263"/>
                  </a:lnTo>
                  <a:lnTo>
                    <a:pt x="26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76" name="Google Shape;576;p28"/>
            <p:cNvSpPr/>
            <p:nvPr/>
          </p:nvSpPr>
          <p:spPr>
            <a:xfrm flipH="1">
              <a:off x="9339655" y="3529839"/>
              <a:ext cx="16913" cy="79774"/>
            </a:xfrm>
            <a:custGeom>
              <a:avLst/>
              <a:gdLst/>
              <a:ahLst/>
              <a:cxnLst/>
              <a:rect l="l" t="t" r="r" b="b"/>
              <a:pathLst>
                <a:path w="268" h="1264" extrusionOk="0">
                  <a:moveTo>
                    <a:pt x="0" y="0"/>
                  </a:moveTo>
                  <a:lnTo>
                    <a:pt x="0" y="1263"/>
                  </a:lnTo>
                  <a:lnTo>
                    <a:pt x="267" y="1263"/>
                  </a:lnTo>
                  <a:lnTo>
                    <a:pt x="267"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77" name="Google Shape;577;p28"/>
            <p:cNvSpPr/>
            <p:nvPr/>
          </p:nvSpPr>
          <p:spPr>
            <a:xfrm flipH="1">
              <a:off x="9302736" y="3529839"/>
              <a:ext cx="16977" cy="79774"/>
            </a:xfrm>
            <a:custGeom>
              <a:avLst/>
              <a:gdLst/>
              <a:ahLst/>
              <a:cxnLst/>
              <a:rect l="l" t="t" r="r" b="b"/>
              <a:pathLst>
                <a:path w="269" h="1264" extrusionOk="0">
                  <a:moveTo>
                    <a:pt x="0" y="0"/>
                  </a:moveTo>
                  <a:lnTo>
                    <a:pt x="0" y="1263"/>
                  </a:lnTo>
                  <a:lnTo>
                    <a:pt x="268" y="1263"/>
                  </a:lnTo>
                  <a:lnTo>
                    <a:pt x="26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78" name="Google Shape;578;p28"/>
            <p:cNvSpPr/>
            <p:nvPr/>
          </p:nvSpPr>
          <p:spPr>
            <a:xfrm flipH="1">
              <a:off x="9265880" y="3529839"/>
              <a:ext cx="16977" cy="79774"/>
            </a:xfrm>
            <a:custGeom>
              <a:avLst/>
              <a:gdLst/>
              <a:ahLst/>
              <a:cxnLst/>
              <a:rect l="l" t="t" r="r" b="b"/>
              <a:pathLst>
                <a:path w="269" h="1264" extrusionOk="0">
                  <a:moveTo>
                    <a:pt x="0" y="0"/>
                  </a:moveTo>
                  <a:lnTo>
                    <a:pt x="0" y="1263"/>
                  </a:lnTo>
                  <a:lnTo>
                    <a:pt x="268" y="1263"/>
                  </a:lnTo>
                  <a:lnTo>
                    <a:pt x="26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79" name="Google Shape;579;p28"/>
            <p:cNvSpPr/>
            <p:nvPr/>
          </p:nvSpPr>
          <p:spPr>
            <a:xfrm flipH="1">
              <a:off x="9229023" y="3529839"/>
              <a:ext cx="16913" cy="79774"/>
            </a:xfrm>
            <a:custGeom>
              <a:avLst/>
              <a:gdLst/>
              <a:ahLst/>
              <a:cxnLst/>
              <a:rect l="l" t="t" r="r" b="b"/>
              <a:pathLst>
                <a:path w="268" h="1264" extrusionOk="0">
                  <a:moveTo>
                    <a:pt x="1" y="0"/>
                  </a:moveTo>
                  <a:lnTo>
                    <a:pt x="1" y="1263"/>
                  </a:lnTo>
                  <a:lnTo>
                    <a:pt x="267" y="1263"/>
                  </a:lnTo>
                  <a:lnTo>
                    <a:pt x="267"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80" name="Google Shape;580;p28"/>
            <p:cNvSpPr/>
            <p:nvPr/>
          </p:nvSpPr>
          <p:spPr>
            <a:xfrm flipH="1">
              <a:off x="9192104" y="3529839"/>
              <a:ext cx="16977" cy="79774"/>
            </a:xfrm>
            <a:custGeom>
              <a:avLst/>
              <a:gdLst/>
              <a:ahLst/>
              <a:cxnLst/>
              <a:rect l="l" t="t" r="r" b="b"/>
              <a:pathLst>
                <a:path w="269" h="1264" extrusionOk="0">
                  <a:moveTo>
                    <a:pt x="1" y="0"/>
                  </a:moveTo>
                  <a:lnTo>
                    <a:pt x="1" y="1263"/>
                  </a:lnTo>
                  <a:lnTo>
                    <a:pt x="268" y="1263"/>
                  </a:lnTo>
                  <a:lnTo>
                    <a:pt x="26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81" name="Google Shape;581;p28"/>
            <p:cNvSpPr/>
            <p:nvPr/>
          </p:nvSpPr>
          <p:spPr>
            <a:xfrm flipH="1">
              <a:off x="9155248" y="3529839"/>
              <a:ext cx="16913" cy="79774"/>
            </a:xfrm>
            <a:custGeom>
              <a:avLst/>
              <a:gdLst/>
              <a:ahLst/>
              <a:cxnLst/>
              <a:rect l="l" t="t" r="r" b="b"/>
              <a:pathLst>
                <a:path w="268" h="1264" extrusionOk="0">
                  <a:moveTo>
                    <a:pt x="1" y="0"/>
                  </a:moveTo>
                  <a:lnTo>
                    <a:pt x="1" y="1263"/>
                  </a:lnTo>
                  <a:lnTo>
                    <a:pt x="267" y="1263"/>
                  </a:lnTo>
                  <a:lnTo>
                    <a:pt x="267"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82" name="Google Shape;582;p28"/>
            <p:cNvSpPr/>
            <p:nvPr/>
          </p:nvSpPr>
          <p:spPr>
            <a:xfrm flipH="1">
              <a:off x="9118328" y="3529839"/>
              <a:ext cx="16977" cy="79774"/>
            </a:xfrm>
            <a:custGeom>
              <a:avLst/>
              <a:gdLst/>
              <a:ahLst/>
              <a:cxnLst/>
              <a:rect l="l" t="t" r="r" b="b"/>
              <a:pathLst>
                <a:path w="269" h="1264" extrusionOk="0">
                  <a:moveTo>
                    <a:pt x="1" y="0"/>
                  </a:moveTo>
                  <a:lnTo>
                    <a:pt x="1" y="1263"/>
                  </a:lnTo>
                  <a:lnTo>
                    <a:pt x="268" y="1263"/>
                  </a:lnTo>
                  <a:lnTo>
                    <a:pt x="26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83" name="Google Shape;583;p28"/>
            <p:cNvSpPr/>
            <p:nvPr/>
          </p:nvSpPr>
          <p:spPr>
            <a:xfrm flipH="1">
              <a:off x="9081472" y="3529839"/>
              <a:ext cx="16977" cy="79774"/>
            </a:xfrm>
            <a:custGeom>
              <a:avLst/>
              <a:gdLst/>
              <a:ahLst/>
              <a:cxnLst/>
              <a:rect l="l" t="t" r="r" b="b"/>
              <a:pathLst>
                <a:path w="269" h="1264" extrusionOk="0">
                  <a:moveTo>
                    <a:pt x="1" y="0"/>
                  </a:moveTo>
                  <a:lnTo>
                    <a:pt x="1" y="1263"/>
                  </a:lnTo>
                  <a:lnTo>
                    <a:pt x="268" y="1263"/>
                  </a:lnTo>
                  <a:lnTo>
                    <a:pt x="26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84" name="Google Shape;584;p28"/>
            <p:cNvSpPr/>
            <p:nvPr/>
          </p:nvSpPr>
          <p:spPr>
            <a:xfrm flipH="1">
              <a:off x="9044553" y="3529839"/>
              <a:ext cx="16977" cy="79774"/>
            </a:xfrm>
            <a:custGeom>
              <a:avLst/>
              <a:gdLst/>
              <a:ahLst/>
              <a:cxnLst/>
              <a:rect l="l" t="t" r="r" b="b"/>
              <a:pathLst>
                <a:path w="269" h="1264" extrusionOk="0">
                  <a:moveTo>
                    <a:pt x="1" y="0"/>
                  </a:moveTo>
                  <a:lnTo>
                    <a:pt x="1" y="1263"/>
                  </a:lnTo>
                  <a:lnTo>
                    <a:pt x="268" y="1263"/>
                  </a:lnTo>
                  <a:lnTo>
                    <a:pt x="26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85" name="Google Shape;585;p28"/>
            <p:cNvSpPr/>
            <p:nvPr/>
          </p:nvSpPr>
          <p:spPr>
            <a:xfrm flipH="1">
              <a:off x="9007697" y="3529839"/>
              <a:ext cx="16977" cy="79774"/>
            </a:xfrm>
            <a:custGeom>
              <a:avLst/>
              <a:gdLst/>
              <a:ahLst/>
              <a:cxnLst/>
              <a:rect l="l" t="t" r="r" b="b"/>
              <a:pathLst>
                <a:path w="269" h="1264" extrusionOk="0">
                  <a:moveTo>
                    <a:pt x="1" y="0"/>
                  </a:moveTo>
                  <a:lnTo>
                    <a:pt x="1" y="1263"/>
                  </a:lnTo>
                  <a:lnTo>
                    <a:pt x="269" y="1263"/>
                  </a:lnTo>
                  <a:lnTo>
                    <a:pt x="269"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86" name="Google Shape;586;p28"/>
            <p:cNvSpPr/>
            <p:nvPr/>
          </p:nvSpPr>
          <p:spPr>
            <a:xfrm flipH="1">
              <a:off x="8970840" y="3529839"/>
              <a:ext cx="16977" cy="79774"/>
            </a:xfrm>
            <a:custGeom>
              <a:avLst/>
              <a:gdLst/>
              <a:ahLst/>
              <a:cxnLst/>
              <a:rect l="l" t="t" r="r" b="b"/>
              <a:pathLst>
                <a:path w="269" h="1264" extrusionOk="0">
                  <a:moveTo>
                    <a:pt x="1" y="0"/>
                  </a:moveTo>
                  <a:lnTo>
                    <a:pt x="1" y="1263"/>
                  </a:lnTo>
                  <a:lnTo>
                    <a:pt x="269" y="1263"/>
                  </a:lnTo>
                  <a:lnTo>
                    <a:pt x="269"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87" name="Google Shape;587;p28"/>
            <p:cNvSpPr/>
            <p:nvPr/>
          </p:nvSpPr>
          <p:spPr>
            <a:xfrm flipH="1">
              <a:off x="8933921" y="3529839"/>
              <a:ext cx="16977" cy="79774"/>
            </a:xfrm>
            <a:custGeom>
              <a:avLst/>
              <a:gdLst/>
              <a:ahLst/>
              <a:cxnLst/>
              <a:rect l="l" t="t" r="r" b="b"/>
              <a:pathLst>
                <a:path w="269" h="1264" extrusionOk="0">
                  <a:moveTo>
                    <a:pt x="1" y="0"/>
                  </a:moveTo>
                  <a:lnTo>
                    <a:pt x="1" y="1263"/>
                  </a:lnTo>
                  <a:lnTo>
                    <a:pt x="269" y="1263"/>
                  </a:lnTo>
                  <a:lnTo>
                    <a:pt x="269"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88" name="Google Shape;588;p28"/>
            <p:cNvSpPr/>
            <p:nvPr/>
          </p:nvSpPr>
          <p:spPr>
            <a:xfrm flipH="1">
              <a:off x="8589467" y="1469658"/>
              <a:ext cx="314225" cy="1117407"/>
            </a:xfrm>
            <a:custGeom>
              <a:avLst/>
              <a:gdLst/>
              <a:ahLst/>
              <a:cxnLst/>
              <a:rect l="l" t="t" r="r" b="b"/>
              <a:pathLst>
                <a:path w="4979" h="17705" extrusionOk="0">
                  <a:moveTo>
                    <a:pt x="0" y="1"/>
                  </a:moveTo>
                  <a:lnTo>
                    <a:pt x="0" y="17704"/>
                  </a:lnTo>
                  <a:lnTo>
                    <a:pt x="4978" y="17704"/>
                  </a:lnTo>
                  <a:lnTo>
                    <a:pt x="4978"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89" name="Google Shape;589;p28"/>
            <p:cNvSpPr/>
            <p:nvPr/>
          </p:nvSpPr>
          <p:spPr>
            <a:xfrm flipH="1">
              <a:off x="9198352" y="1614690"/>
              <a:ext cx="653188" cy="65763"/>
            </a:xfrm>
            <a:custGeom>
              <a:avLst/>
              <a:gdLst/>
              <a:ahLst/>
              <a:cxnLst/>
              <a:rect l="l" t="t" r="r" b="b"/>
              <a:pathLst>
                <a:path w="10350" h="1042" extrusionOk="0">
                  <a:moveTo>
                    <a:pt x="1" y="0"/>
                  </a:moveTo>
                  <a:lnTo>
                    <a:pt x="1" y="1041"/>
                  </a:lnTo>
                  <a:lnTo>
                    <a:pt x="10349" y="1041"/>
                  </a:lnTo>
                  <a:lnTo>
                    <a:pt x="10349"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90" name="Google Shape;590;p28"/>
            <p:cNvSpPr/>
            <p:nvPr/>
          </p:nvSpPr>
          <p:spPr>
            <a:xfrm flipH="1">
              <a:off x="9198352" y="1699072"/>
              <a:ext cx="653188" cy="73210"/>
            </a:xfrm>
            <a:custGeom>
              <a:avLst/>
              <a:gdLst/>
              <a:ahLst/>
              <a:cxnLst/>
              <a:rect l="l" t="t" r="r" b="b"/>
              <a:pathLst>
                <a:path w="10350" h="1160" extrusionOk="0">
                  <a:moveTo>
                    <a:pt x="1" y="1"/>
                  </a:moveTo>
                  <a:lnTo>
                    <a:pt x="1" y="1160"/>
                  </a:lnTo>
                  <a:lnTo>
                    <a:pt x="10349" y="1160"/>
                  </a:lnTo>
                  <a:lnTo>
                    <a:pt x="10349"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91" name="Google Shape;591;p28"/>
            <p:cNvSpPr/>
            <p:nvPr/>
          </p:nvSpPr>
          <p:spPr>
            <a:xfrm flipH="1">
              <a:off x="8545227" y="1119068"/>
              <a:ext cx="1306314" cy="392560"/>
            </a:xfrm>
            <a:custGeom>
              <a:avLst/>
              <a:gdLst/>
              <a:ahLst/>
              <a:cxnLst/>
              <a:rect l="l" t="t" r="r" b="b"/>
              <a:pathLst>
                <a:path w="20699" h="6220" extrusionOk="0">
                  <a:moveTo>
                    <a:pt x="1" y="1"/>
                  </a:moveTo>
                  <a:lnTo>
                    <a:pt x="1" y="6219"/>
                  </a:lnTo>
                  <a:lnTo>
                    <a:pt x="10349" y="6219"/>
                  </a:lnTo>
                  <a:lnTo>
                    <a:pt x="10349" y="5556"/>
                  </a:lnTo>
                  <a:lnTo>
                    <a:pt x="20698" y="5556"/>
                  </a:lnTo>
                  <a:lnTo>
                    <a:pt x="20698"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92" name="Google Shape;592;p28"/>
            <p:cNvSpPr/>
            <p:nvPr/>
          </p:nvSpPr>
          <p:spPr>
            <a:xfrm flipH="1">
              <a:off x="9198352" y="1530309"/>
              <a:ext cx="653188" cy="65700"/>
            </a:xfrm>
            <a:custGeom>
              <a:avLst/>
              <a:gdLst/>
              <a:ahLst/>
              <a:cxnLst/>
              <a:rect l="l" t="t" r="r" b="b"/>
              <a:pathLst>
                <a:path w="10350" h="1041" extrusionOk="0">
                  <a:moveTo>
                    <a:pt x="1" y="1"/>
                  </a:moveTo>
                  <a:lnTo>
                    <a:pt x="1" y="1041"/>
                  </a:lnTo>
                  <a:lnTo>
                    <a:pt x="10349" y="1041"/>
                  </a:lnTo>
                  <a:lnTo>
                    <a:pt x="10349"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93" name="Google Shape;593;p28"/>
            <p:cNvSpPr/>
            <p:nvPr/>
          </p:nvSpPr>
          <p:spPr>
            <a:xfrm flipH="1">
              <a:off x="8589467" y="1469658"/>
              <a:ext cx="314225" cy="21900"/>
            </a:xfrm>
            <a:custGeom>
              <a:avLst/>
              <a:gdLst/>
              <a:ahLst/>
              <a:cxnLst/>
              <a:rect l="l" t="t" r="r" b="b"/>
              <a:pathLst>
                <a:path w="4979" h="347" extrusionOk="0">
                  <a:moveTo>
                    <a:pt x="0" y="1"/>
                  </a:moveTo>
                  <a:lnTo>
                    <a:pt x="0" y="347"/>
                  </a:lnTo>
                  <a:lnTo>
                    <a:pt x="4978" y="347"/>
                  </a:lnTo>
                  <a:lnTo>
                    <a:pt x="4978"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94" name="Google Shape;594;p28"/>
            <p:cNvSpPr/>
            <p:nvPr/>
          </p:nvSpPr>
          <p:spPr>
            <a:xfrm flipH="1">
              <a:off x="8499472" y="4317105"/>
              <a:ext cx="45061" cy="223671"/>
            </a:xfrm>
            <a:custGeom>
              <a:avLst/>
              <a:gdLst/>
              <a:ahLst/>
              <a:cxnLst/>
              <a:rect l="l" t="t" r="r" b="b"/>
              <a:pathLst>
                <a:path w="714" h="3544" extrusionOk="0">
                  <a:moveTo>
                    <a:pt x="1" y="1"/>
                  </a:moveTo>
                  <a:lnTo>
                    <a:pt x="1" y="3543"/>
                  </a:lnTo>
                  <a:lnTo>
                    <a:pt x="714" y="3543"/>
                  </a:lnTo>
                  <a:lnTo>
                    <a:pt x="714"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95" name="Google Shape;595;p28"/>
            <p:cNvSpPr/>
            <p:nvPr/>
          </p:nvSpPr>
          <p:spPr>
            <a:xfrm flipH="1">
              <a:off x="9644729" y="4366395"/>
              <a:ext cx="45061" cy="174380"/>
            </a:xfrm>
            <a:custGeom>
              <a:avLst/>
              <a:gdLst/>
              <a:ahLst/>
              <a:cxnLst/>
              <a:rect l="l" t="t" r="r" b="b"/>
              <a:pathLst>
                <a:path w="714" h="2763" extrusionOk="0">
                  <a:moveTo>
                    <a:pt x="714" y="0"/>
                  </a:moveTo>
                  <a:lnTo>
                    <a:pt x="0" y="95"/>
                  </a:lnTo>
                  <a:lnTo>
                    <a:pt x="0" y="2762"/>
                  </a:lnTo>
                  <a:lnTo>
                    <a:pt x="714" y="2762"/>
                  </a:lnTo>
                  <a:lnTo>
                    <a:pt x="714"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96" name="Google Shape;596;p28"/>
            <p:cNvSpPr/>
            <p:nvPr/>
          </p:nvSpPr>
          <p:spPr>
            <a:xfrm flipH="1">
              <a:off x="8483189" y="1057028"/>
              <a:ext cx="124200" cy="124205"/>
            </a:xfrm>
            <a:custGeom>
              <a:avLst/>
              <a:gdLst/>
              <a:ahLst/>
              <a:cxnLst/>
              <a:rect l="l" t="t" r="r" b="b"/>
              <a:pathLst>
                <a:path w="1968" h="1968" extrusionOk="0">
                  <a:moveTo>
                    <a:pt x="984" y="0"/>
                  </a:moveTo>
                  <a:cubicBezTo>
                    <a:pt x="441" y="0"/>
                    <a:pt x="0" y="441"/>
                    <a:pt x="0" y="984"/>
                  </a:cubicBezTo>
                  <a:cubicBezTo>
                    <a:pt x="0" y="1527"/>
                    <a:pt x="441" y="1968"/>
                    <a:pt x="984" y="1968"/>
                  </a:cubicBezTo>
                  <a:cubicBezTo>
                    <a:pt x="1527" y="1968"/>
                    <a:pt x="1967" y="1527"/>
                    <a:pt x="1967" y="984"/>
                  </a:cubicBezTo>
                  <a:cubicBezTo>
                    <a:pt x="1967" y="441"/>
                    <a:pt x="1527" y="0"/>
                    <a:pt x="984"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97" name="Google Shape;597;p28"/>
            <p:cNvSpPr/>
            <p:nvPr/>
          </p:nvSpPr>
          <p:spPr>
            <a:xfrm flipH="1">
              <a:off x="7259928" y="1079496"/>
              <a:ext cx="985968" cy="426767"/>
            </a:xfrm>
            <a:custGeom>
              <a:avLst/>
              <a:gdLst/>
              <a:ahLst/>
              <a:cxnLst/>
              <a:rect l="l" t="t" r="r" b="b"/>
              <a:pathLst>
                <a:path w="15623" h="6762" extrusionOk="0">
                  <a:moveTo>
                    <a:pt x="1079" y="0"/>
                  </a:moveTo>
                  <a:cubicBezTo>
                    <a:pt x="559" y="0"/>
                    <a:pt x="227" y="120"/>
                    <a:pt x="149" y="396"/>
                  </a:cubicBezTo>
                  <a:cubicBezTo>
                    <a:pt x="90" y="604"/>
                    <a:pt x="42" y="813"/>
                    <a:pt x="1" y="1020"/>
                  </a:cubicBezTo>
                  <a:lnTo>
                    <a:pt x="14956" y="6761"/>
                  </a:lnTo>
                  <a:lnTo>
                    <a:pt x="15623" y="5025"/>
                  </a:lnTo>
                  <a:cubicBezTo>
                    <a:pt x="13425" y="4051"/>
                    <a:pt x="4098" y="0"/>
                    <a:pt x="1079" y="0"/>
                  </a:cubicBez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98" name="Google Shape;598;p28"/>
            <p:cNvSpPr/>
            <p:nvPr/>
          </p:nvSpPr>
          <p:spPr>
            <a:xfrm flipH="1">
              <a:off x="8512283" y="1086123"/>
              <a:ext cx="65950" cy="65953"/>
            </a:xfrm>
            <a:custGeom>
              <a:avLst/>
              <a:gdLst/>
              <a:ahLst/>
              <a:cxnLst/>
              <a:rect l="l" t="t" r="r" b="b"/>
              <a:pathLst>
                <a:path w="1045" h="1045" extrusionOk="0">
                  <a:moveTo>
                    <a:pt x="522" y="1"/>
                  </a:moveTo>
                  <a:cubicBezTo>
                    <a:pt x="234" y="1"/>
                    <a:pt x="0" y="234"/>
                    <a:pt x="0" y="523"/>
                  </a:cubicBezTo>
                  <a:cubicBezTo>
                    <a:pt x="0" y="811"/>
                    <a:pt x="234" y="1045"/>
                    <a:pt x="522" y="1045"/>
                  </a:cubicBezTo>
                  <a:cubicBezTo>
                    <a:pt x="811" y="1045"/>
                    <a:pt x="1044" y="811"/>
                    <a:pt x="1044" y="523"/>
                  </a:cubicBezTo>
                  <a:cubicBezTo>
                    <a:pt x="1044" y="234"/>
                    <a:pt x="811" y="1"/>
                    <a:pt x="522"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599" name="Google Shape;599;p28"/>
            <p:cNvSpPr/>
            <p:nvPr/>
          </p:nvSpPr>
          <p:spPr>
            <a:xfrm flipH="1">
              <a:off x="7467182" y="830518"/>
              <a:ext cx="255406" cy="225817"/>
            </a:xfrm>
            <a:custGeom>
              <a:avLst/>
              <a:gdLst/>
              <a:ahLst/>
              <a:cxnLst/>
              <a:rect l="l" t="t" r="r" b="b"/>
              <a:pathLst>
                <a:path w="4047" h="3578" extrusionOk="0">
                  <a:moveTo>
                    <a:pt x="2024" y="0"/>
                  </a:moveTo>
                  <a:cubicBezTo>
                    <a:pt x="1305" y="0"/>
                    <a:pt x="627" y="437"/>
                    <a:pt x="355" y="1148"/>
                  </a:cubicBezTo>
                  <a:cubicBezTo>
                    <a:pt x="0" y="2070"/>
                    <a:pt x="461" y="3105"/>
                    <a:pt x="1383" y="3458"/>
                  </a:cubicBezTo>
                  <a:cubicBezTo>
                    <a:pt x="1594" y="3539"/>
                    <a:pt x="1811" y="3578"/>
                    <a:pt x="2024" y="3578"/>
                  </a:cubicBezTo>
                  <a:cubicBezTo>
                    <a:pt x="2742" y="3578"/>
                    <a:pt x="3420" y="3141"/>
                    <a:pt x="3693" y="2430"/>
                  </a:cubicBezTo>
                  <a:cubicBezTo>
                    <a:pt x="4047" y="1508"/>
                    <a:pt x="3587" y="474"/>
                    <a:pt x="2665" y="119"/>
                  </a:cubicBezTo>
                  <a:cubicBezTo>
                    <a:pt x="2454" y="39"/>
                    <a:pt x="2237" y="0"/>
                    <a:pt x="2024"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00" name="Google Shape;600;p28"/>
            <p:cNvSpPr/>
            <p:nvPr/>
          </p:nvSpPr>
          <p:spPr>
            <a:xfrm flipH="1">
              <a:off x="7544176" y="823197"/>
              <a:ext cx="26885" cy="28401"/>
            </a:xfrm>
            <a:custGeom>
              <a:avLst/>
              <a:gdLst/>
              <a:ahLst/>
              <a:cxnLst/>
              <a:rect l="l" t="t" r="r" b="b"/>
              <a:pathLst>
                <a:path w="426" h="450" extrusionOk="0">
                  <a:moveTo>
                    <a:pt x="263" y="1"/>
                  </a:moveTo>
                  <a:lnTo>
                    <a:pt x="0" y="287"/>
                  </a:lnTo>
                  <a:lnTo>
                    <a:pt x="159" y="348"/>
                  </a:lnTo>
                  <a:lnTo>
                    <a:pt x="266" y="388"/>
                  </a:lnTo>
                  <a:lnTo>
                    <a:pt x="425" y="449"/>
                  </a:lnTo>
                  <a:lnTo>
                    <a:pt x="421" y="62"/>
                  </a:lnTo>
                  <a:lnTo>
                    <a:pt x="395" y="51"/>
                  </a:lnTo>
                  <a:lnTo>
                    <a:pt x="289" y="11"/>
                  </a:lnTo>
                  <a:lnTo>
                    <a:pt x="263"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01" name="Google Shape;601;p28"/>
            <p:cNvSpPr/>
            <p:nvPr/>
          </p:nvSpPr>
          <p:spPr>
            <a:xfrm flipH="1">
              <a:off x="7568662" y="816948"/>
              <a:ext cx="28589" cy="24929"/>
            </a:xfrm>
            <a:custGeom>
              <a:avLst/>
              <a:gdLst/>
              <a:ahLst/>
              <a:cxnLst/>
              <a:rect l="l" t="t" r="r" b="b"/>
              <a:pathLst>
                <a:path w="453" h="395" extrusionOk="0">
                  <a:moveTo>
                    <a:pt x="185" y="1"/>
                  </a:moveTo>
                  <a:lnTo>
                    <a:pt x="1" y="343"/>
                  </a:lnTo>
                  <a:lnTo>
                    <a:pt x="170" y="362"/>
                  </a:lnTo>
                  <a:lnTo>
                    <a:pt x="283" y="375"/>
                  </a:lnTo>
                  <a:lnTo>
                    <a:pt x="452" y="394"/>
                  </a:lnTo>
                  <a:lnTo>
                    <a:pt x="352" y="20"/>
                  </a:lnTo>
                  <a:lnTo>
                    <a:pt x="324" y="17"/>
                  </a:lnTo>
                  <a:lnTo>
                    <a:pt x="212" y="4"/>
                  </a:lnTo>
                  <a:lnTo>
                    <a:pt x="185"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02" name="Google Shape;602;p28"/>
            <p:cNvSpPr/>
            <p:nvPr/>
          </p:nvSpPr>
          <p:spPr>
            <a:xfrm flipH="1">
              <a:off x="7594790" y="817138"/>
              <a:ext cx="28399" cy="25308"/>
            </a:xfrm>
            <a:custGeom>
              <a:avLst/>
              <a:gdLst/>
              <a:ahLst/>
              <a:cxnLst/>
              <a:rect l="l" t="t" r="r" b="b"/>
              <a:pathLst>
                <a:path w="450" h="401" extrusionOk="0">
                  <a:moveTo>
                    <a:pt x="260" y="1"/>
                  </a:moveTo>
                  <a:lnTo>
                    <a:pt x="232" y="5"/>
                  </a:lnTo>
                  <a:lnTo>
                    <a:pt x="120" y="20"/>
                  </a:lnTo>
                  <a:lnTo>
                    <a:pt x="92" y="24"/>
                  </a:lnTo>
                  <a:lnTo>
                    <a:pt x="0" y="401"/>
                  </a:lnTo>
                  <a:lnTo>
                    <a:pt x="0" y="401"/>
                  </a:lnTo>
                  <a:lnTo>
                    <a:pt x="169" y="378"/>
                  </a:lnTo>
                  <a:lnTo>
                    <a:pt x="282" y="362"/>
                  </a:lnTo>
                  <a:lnTo>
                    <a:pt x="450" y="340"/>
                  </a:lnTo>
                  <a:lnTo>
                    <a:pt x="260"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03" name="Google Shape;603;p28"/>
            <p:cNvSpPr/>
            <p:nvPr/>
          </p:nvSpPr>
          <p:spPr>
            <a:xfrm flipH="1">
              <a:off x="7620854" y="824143"/>
              <a:ext cx="26885" cy="28527"/>
            </a:xfrm>
            <a:custGeom>
              <a:avLst/>
              <a:gdLst/>
              <a:ahLst/>
              <a:cxnLst/>
              <a:rect l="l" t="t" r="r" b="b"/>
              <a:pathLst>
                <a:path w="426" h="452" extrusionOk="0">
                  <a:moveTo>
                    <a:pt x="158" y="0"/>
                  </a:moveTo>
                  <a:lnTo>
                    <a:pt x="132" y="11"/>
                  </a:lnTo>
                  <a:lnTo>
                    <a:pt x="27" y="53"/>
                  </a:lnTo>
                  <a:lnTo>
                    <a:pt x="1" y="63"/>
                  </a:lnTo>
                  <a:lnTo>
                    <a:pt x="5" y="452"/>
                  </a:lnTo>
                  <a:lnTo>
                    <a:pt x="163" y="387"/>
                  </a:lnTo>
                  <a:lnTo>
                    <a:pt x="268" y="344"/>
                  </a:lnTo>
                  <a:lnTo>
                    <a:pt x="426" y="280"/>
                  </a:lnTo>
                  <a:lnTo>
                    <a:pt x="158"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04" name="Google Shape;604;p28"/>
            <p:cNvSpPr/>
            <p:nvPr/>
          </p:nvSpPr>
          <p:spPr>
            <a:xfrm flipH="1">
              <a:off x="7645278" y="838533"/>
              <a:ext cx="29472" cy="30105"/>
            </a:xfrm>
            <a:custGeom>
              <a:avLst/>
              <a:gdLst/>
              <a:ahLst/>
              <a:cxnLst/>
              <a:rect l="l" t="t" r="r" b="b"/>
              <a:pathLst>
                <a:path w="467" h="477" extrusionOk="0">
                  <a:moveTo>
                    <a:pt x="137" y="1"/>
                  </a:moveTo>
                  <a:lnTo>
                    <a:pt x="114" y="17"/>
                  </a:lnTo>
                  <a:lnTo>
                    <a:pt x="23" y="84"/>
                  </a:lnTo>
                  <a:lnTo>
                    <a:pt x="1" y="101"/>
                  </a:lnTo>
                  <a:lnTo>
                    <a:pt x="102" y="476"/>
                  </a:lnTo>
                  <a:lnTo>
                    <a:pt x="238" y="374"/>
                  </a:lnTo>
                  <a:lnTo>
                    <a:pt x="329" y="307"/>
                  </a:lnTo>
                  <a:lnTo>
                    <a:pt x="467" y="205"/>
                  </a:lnTo>
                  <a:lnTo>
                    <a:pt x="137"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05" name="Google Shape;605;p28"/>
            <p:cNvSpPr/>
            <p:nvPr/>
          </p:nvSpPr>
          <p:spPr>
            <a:xfrm flipH="1">
              <a:off x="7666609" y="859549"/>
              <a:ext cx="30103" cy="29663"/>
            </a:xfrm>
            <a:custGeom>
              <a:avLst/>
              <a:gdLst/>
              <a:ahLst/>
              <a:cxnLst/>
              <a:rect l="l" t="t" r="r" b="b"/>
              <a:pathLst>
                <a:path w="477" h="470" extrusionOk="0">
                  <a:moveTo>
                    <a:pt x="107" y="1"/>
                  </a:moveTo>
                  <a:lnTo>
                    <a:pt x="89" y="22"/>
                  </a:lnTo>
                  <a:lnTo>
                    <a:pt x="18" y="110"/>
                  </a:lnTo>
                  <a:lnTo>
                    <a:pt x="0" y="132"/>
                  </a:lnTo>
                  <a:lnTo>
                    <a:pt x="192" y="470"/>
                  </a:lnTo>
                  <a:lnTo>
                    <a:pt x="299" y="338"/>
                  </a:lnTo>
                  <a:lnTo>
                    <a:pt x="369" y="249"/>
                  </a:lnTo>
                  <a:lnTo>
                    <a:pt x="477" y="116"/>
                  </a:lnTo>
                  <a:lnTo>
                    <a:pt x="107"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06" name="Google Shape;606;p28"/>
            <p:cNvSpPr/>
            <p:nvPr/>
          </p:nvSpPr>
          <p:spPr>
            <a:xfrm flipH="1">
              <a:off x="7683333" y="885867"/>
              <a:ext cx="28967" cy="27391"/>
            </a:xfrm>
            <a:custGeom>
              <a:avLst/>
              <a:gdLst/>
              <a:ahLst/>
              <a:cxnLst/>
              <a:rect l="l" t="t" r="r" b="b"/>
              <a:pathLst>
                <a:path w="459" h="434" extrusionOk="0">
                  <a:moveTo>
                    <a:pt x="71" y="0"/>
                  </a:moveTo>
                  <a:lnTo>
                    <a:pt x="59" y="25"/>
                  </a:lnTo>
                  <a:lnTo>
                    <a:pt x="12" y="128"/>
                  </a:lnTo>
                  <a:lnTo>
                    <a:pt x="0" y="153"/>
                  </a:lnTo>
                  <a:lnTo>
                    <a:pt x="269" y="433"/>
                  </a:lnTo>
                  <a:lnTo>
                    <a:pt x="340" y="278"/>
                  </a:lnTo>
                  <a:lnTo>
                    <a:pt x="387" y="175"/>
                  </a:lnTo>
                  <a:lnTo>
                    <a:pt x="458" y="20"/>
                  </a:lnTo>
                  <a:lnTo>
                    <a:pt x="71"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07" name="Google Shape;607;p28"/>
            <p:cNvSpPr/>
            <p:nvPr/>
          </p:nvSpPr>
          <p:spPr>
            <a:xfrm flipH="1">
              <a:off x="7694567" y="910923"/>
              <a:ext cx="25938" cy="28274"/>
            </a:xfrm>
            <a:custGeom>
              <a:avLst/>
              <a:gdLst/>
              <a:ahLst/>
              <a:cxnLst/>
              <a:rect l="l" t="t" r="r" b="b"/>
              <a:pathLst>
                <a:path w="411" h="448" extrusionOk="0">
                  <a:moveTo>
                    <a:pt x="410" y="0"/>
                  </a:moveTo>
                  <a:lnTo>
                    <a:pt x="30" y="77"/>
                  </a:lnTo>
                  <a:lnTo>
                    <a:pt x="25" y="103"/>
                  </a:lnTo>
                  <a:lnTo>
                    <a:pt x="5" y="215"/>
                  </a:lnTo>
                  <a:lnTo>
                    <a:pt x="0" y="243"/>
                  </a:lnTo>
                  <a:lnTo>
                    <a:pt x="330" y="448"/>
                  </a:lnTo>
                  <a:lnTo>
                    <a:pt x="361" y="279"/>
                  </a:lnTo>
                  <a:lnTo>
                    <a:pt x="381" y="167"/>
                  </a:lnTo>
                  <a:lnTo>
                    <a:pt x="410"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08" name="Google Shape;608;p28"/>
            <p:cNvSpPr/>
            <p:nvPr/>
          </p:nvSpPr>
          <p:spPr>
            <a:xfrm flipH="1">
              <a:off x="7697470" y="936736"/>
              <a:ext cx="24171" cy="28653"/>
            </a:xfrm>
            <a:custGeom>
              <a:avLst/>
              <a:gdLst/>
              <a:ahLst/>
              <a:cxnLst/>
              <a:rect l="l" t="t" r="r" b="b"/>
              <a:pathLst>
                <a:path w="383" h="454" extrusionOk="0">
                  <a:moveTo>
                    <a:pt x="350" y="0"/>
                  </a:moveTo>
                  <a:lnTo>
                    <a:pt x="1" y="169"/>
                  </a:lnTo>
                  <a:lnTo>
                    <a:pt x="3" y="197"/>
                  </a:lnTo>
                  <a:lnTo>
                    <a:pt x="11" y="309"/>
                  </a:lnTo>
                  <a:lnTo>
                    <a:pt x="13" y="337"/>
                  </a:lnTo>
                  <a:lnTo>
                    <a:pt x="383" y="453"/>
                  </a:lnTo>
                  <a:lnTo>
                    <a:pt x="371" y="283"/>
                  </a:lnTo>
                  <a:lnTo>
                    <a:pt x="362" y="170"/>
                  </a:lnTo>
                  <a:lnTo>
                    <a:pt x="350"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09" name="Google Shape;609;p28"/>
            <p:cNvSpPr/>
            <p:nvPr/>
          </p:nvSpPr>
          <p:spPr>
            <a:xfrm flipH="1">
              <a:off x="7688761" y="962928"/>
              <a:ext cx="27895" cy="27265"/>
            </a:xfrm>
            <a:custGeom>
              <a:avLst/>
              <a:gdLst/>
              <a:ahLst/>
              <a:cxnLst/>
              <a:rect l="l" t="t" r="r" b="b"/>
              <a:pathLst>
                <a:path w="442" h="432" extrusionOk="0">
                  <a:moveTo>
                    <a:pt x="297" y="1"/>
                  </a:moveTo>
                  <a:lnTo>
                    <a:pt x="0" y="251"/>
                  </a:lnTo>
                  <a:lnTo>
                    <a:pt x="9" y="278"/>
                  </a:lnTo>
                  <a:lnTo>
                    <a:pt x="46" y="384"/>
                  </a:lnTo>
                  <a:lnTo>
                    <a:pt x="55" y="411"/>
                  </a:lnTo>
                  <a:lnTo>
                    <a:pt x="441" y="432"/>
                  </a:lnTo>
                  <a:lnTo>
                    <a:pt x="388" y="270"/>
                  </a:lnTo>
                  <a:lnTo>
                    <a:pt x="352" y="162"/>
                  </a:lnTo>
                  <a:lnTo>
                    <a:pt x="297"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10" name="Google Shape;610;p28"/>
            <p:cNvSpPr/>
            <p:nvPr/>
          </p:nvSpPr>
          <p:spPr>
            <a:xfrm flipH="1">
              <a:off x="7674119" y="987920"/>
              <a:ext cx="29914" cy="28969"/>
            </a:xfrm>
            <a:custGeom>
              <a:avLst/>
              <a:gdLst/>
              <a:ahLst/>
              <a:cxnLst/>
              <a:rect l="l" t="t" r="r" b="b"/>
              <a:pathLst>
                <a:path w="474" h="459" extrusionOk="0">
                  <a:moveTo>
                    <a:pt x="225" y="1"/>
                  </a:moveTo>
                  <a:lnTo>
                    <a:pt x="1" y="317"/>
                  </a:lnTo>
                  <a:lnTo>
                    <a:pt x="15" y="341"/>
                  </a:lnTo>
                  <a:lnTo>
                    <a:pt x="77" y="436"/>
                  </a:lnTo>
                  <a:lnTo>
                    <a:pt x="93" y="459"/>
                  </a:lnTo>
                  <a:lnTo>
                    <a:pt x="473" y="382"/>
                  </a:lnTo>
                  <a:lnTo>
                    <a:pt x="380" y="240"/>
                  </a:lnTo>
                  <a:lnTo>
                    <a:pt x="318" y="144"/>
                  </a:lnTo>
                  <a:lnTo>
                    <a:pt x="225"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11" name="Google Shape;611;p28"/>
            <p:cNvSpPr/>
            <p:nvPr/>
          </p:nvSpPr>
          <p:spPr>
            <a:xfrm flipH="1">
              <a:off x="7654555" y="1010199"/>
              <a:ext cx="30040" cy="30105"/>
            </a:xfrm>
            <a:custGeom>
              <a:avLst/>
              <a:gdLst/>
              <a:ahLst/>
              <a:cxnLst/>
              <a:rect l="l" t="t" r="r" b="b"/>
              <a:pathLst>
                <a:path w="476" h="477" extrusionOk="0">
                  <a:moveTo>
                    <a:pt x="140" y="0"/>
                  </a:moveTo>
                  <a:lnTo>
                    <a:pt x="1" y="362"/>
                  </a:lnTo>
                  <a:lnTo>
                    <a:pt x="21" y="381"/>
                  </a:lnTo>
                  <a:lnTo>
                    <a:pt x="105" y="457"/>
                  </a:lnTo>
                  <a:lnTo>
                    <a:pt x="126" y="477"/>
                  </a:lnTo>
                  <a:lnTo>
                    <a:pt x="475" y="307"/>
                  </a:lnTo>
                  <a:lnTo>
                    <a:pt x="349" y="193"/>
                  </a:lnTo>
                  <a:lnTo>
                    <a:pt x="265" y="115"/>
                  </a:lnTo>
                  <a:lnTo>
                    <a:pt x="140"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12" name="Google Shape;612;p28"/>
            <p:cNvSpPr/>
            <p:nvPr/>
          </p:nvSpPr>
          <p:spPr>
            <a:xfrm flipH="1">
              <a:off x="7631268" y="1028186"/>
              <a:ext cx="28210" cy="29410"/>
            </a:xfrm>
            <a:custGeom>
              <a:avLst/>
              <a:gdLst/>
              <a:ahLst/>
              <a:cxnLst/>
              <a:rect l="l" t="t" r="r" b="b"/>
              <a:pathLst>
                <a:path w="447" h="466" extrusionOk="0">
                  <a:moveTo>
                    <a:pt x="45" y="1"/>
                  </a:moveTo>
                  <a:lnTo>
                    <a:pt x="1" y="386"/>
                  </a:lnTo>
                  <a:lnTo>
                    <a:pt x="25" y="399"/>
                  </a:lnTo>
                  <a:lnTo>
                    <a:pt x="125" y="452"/>
                  </a:lnTo>
                  <a:lnTo>
                    <a:pt x="149" y="466"/>
                  </a:lnTo>
                  <a:lnTo>
                    <a:pt x="446" y="216"/>
                  </a:lnTo>
                  <a:lnTo>
                    <a:pt x="295" y="135"/>
                  </a:lnTo>
                  <a:lnTo>
                    <a:pt x="196" y="81"/>
                  </a:lnTo>
                  <a:lnTo>
                    <a:pt x="45"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13" name="Google Shape;613;p28"/>
            <p:cNvSpPr/>
            <p:nvPr/>
          </p:nvSpPr>
          <p:spPr>
            <a:xfrm flipH="1">
              <a:off x="7605708" y="1040872"/>
              <a:ext cx="27958" cy="26823"/>
            </a:xfrm>
            <a:custGeom>
              <a:avLst/>
              <a:gdLst/>
              <a:ahLst/>
              <a:cxnLst/>
              <a:rect l="l" t="t" r="r" b="b"/>
              <a:pathLst>
                <a:path w="443" h="425" extrusionOk="0">
                  <a:moveTo>
                    <a:pt x="1" y="0"/>
                  </a:moveTo>
                  <a:lnTo>
                    <a:pt x="54" y="385"/>
                  </a:lnTo>
                  <a:lnTo>
                    <a:pt x="81" y="392"/>
                  </a:lnTo>
                  <a:lnTo>
                    <a:pt x="191" y="419"/>
                  </a:lnTo>
                  <a:lnTo>
                    <a:pt x="218" y="425"/>
                  </a:lnTo>
                  <a:lnTo>
                    <a:pt x="442" y="109"/>
                  </a:lnTo>
                  <a:lnTo>
                    <a:pt x="277" y="68"/>
                  </a:lnTo>
                  <a:lnTo>
                    <a:pt x="167" y="41"/>
                  </a:lnTo>
                  <a:lnTo>
                    <a:pt x="1"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14" name="Google Shape;614;p28"/>
            <p:cNvSpPr/>
            <p:nvPr/>
          </p:nvSpPr>
          <p:spPr>
            <a:xfrm flipH="1">
              <a:off x="7579454" y="1047120"/>
              <a:ext cx="28652" cy="23099"/>
            </a:xfrm>
            <a:custGeom>
              <a:avLst/>
              <a:gdLst/>
              <a:ahLst/>
              <a:cxnLst/>
              <a:rect l="l" t="t" r="r" b="b"/>
              <a:pathLst>
                <a:path w="454" h="366" extrusionOk="0">
                  <a:moveTo>
                    <a:pt x="454" y="0"/>
                  </a:moveTo>
                  <a:lnTo>
                    <a:pt x="283" y="2"/>
                  </a:lnTo>
                  <a:lnTo>
                    <a:pt x="171" y="3"/>
                  </a:lnTo>
                  <a:lnTo>
                    <a:pt x="0" y="6"/>
                  </a:lnTo>
                  <a:lnTo>
                    <a:pt x="146" y="365"/>
                  </a:lnTo>
                  <a:lnTo>
                    <a:pt x="174" y="364"/>
                  </a:lnTo>
                  <a:lnTo>
                    <a:pt x="288" y="363"/>
                  </a:lnTo>
                  <a:lnTo>
                    <a:pt x="315" y="363"/>
                  </a:lnTo>
                  <a:lnTo>
                    <a:pt x="454"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15" name="Google Shape;615;p28"/>
            <p:cNvSpPr/>
            <p:nvPr/>
          </p:nvSpPr>
          <p:spPr>
            <a:xfrm flipH="1">
              <a:off x="7554147" y="1040051"/>
              <a:ext cx="27768" cy="27138"/>
            </a:xfrm>
            <a:custGeom>
              <a:avLst/>
              <a:gdLst/>
              <a:ahLst/>
              <a:cxnLst/>
              <a:rect l="l" t="t" r="r" b="b"/>
              <a:pathLst>
                <a:path w="440" h="430" extrusionOk="0">
                  <a:moveTo>
                    <a:pt x="440" y="1"/>
                  </a:moveTo>
                  <a:lnTo>
                    <a:pt x="276" y="44"/>
                  </a:lnTo>
                  <a:lnTo>
                    <a:pt x="166" y="74"/>
                  </a:lnTo>
                  <a:lnTo>
                    <a:pt x="1" y="118"/>
                  </a:lnTo>
                  <a:lnTo>
                    <a:pt x="232" y="430"/>
                  </a:lnTo>
                  <a:lnTo>
                    <a:pt x="259" y="422"/>
                  </a:lnTo>
                  <a:lnTo>
                    <a:pt x="369" y="392"/>
                  </a:lnTo>
                  <a:lnTo>
                    <a:pt x="396" y="385"/>
                  </a:lnTo>
                  <a:lnTo>
                    <a:pt x="440"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16" name="Google Shape;616;p28"/>
            <p:cNvSpPr/>
            <p:nvPr/>
          </p:nvSpPr>
          <p:spPr>
            <a:xfrm flipH="1">
              <a:off x="7528020" y="1026861"/>
              <a:ext cx="28399" cy="29600"/>
            </a:xfrm>
            <a:custGeom>
              <a:avLst/>
              <a:gdLst/>
              <a:ahLst/>
              <a:cxnLst/>
              <a:rect l="l" t="t" r="r" b="b"/>
              <a:pathLst>
                <a:path w="450" h="469" extrusionOk="0">
                  <a:moveTo>
                    <a:pt x="397" y="1"/>
                  </a:moveTo>
                  <a:lnTo>
                    <a:pt x="248" y="85"/>
                  </a:lnTo>
                  <a:lnTo>
                    <a:pt x="150" y="140"/>
                  </a:lnTo>
                  <a:lnTo>
                    <a:pt x="1" y="224"/>
                  </a:lnTo>
                  <a:lnTo>
                    <a:pt x="302" y="468"/>
                  </a:lnTo>
                  <a:lnTo>
                    <a:pt x="326" y="455"/>
                  </a:lnTo>
                  <a:lnTo>
                    <a:pt x="426" y="399"/>
                  </a:lnTo>
                  <a:lnTo>
                    <a:pt x="449" y="385"/>
                  </a:lnTo>
                  <a:lnTo>
                    <a:pt x="397"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17" name="Google Shape;617;p28"/>
            <p:cNvSpPr/>
            <p:nvPr/>
          </p:nvSpPr>
          <p:spPr>
            <a:xfrm flipH="1">
              <a:off x="7503280" y="1008495"/>
              <a:ext cx="30103" cy="30042"/>
            </a:xfrm>
            <a:custGeom>
              <a:avLst/>
              <a:gdLst/>
              <a:ahLst/>
              <a:cxnLst/>
              <a:rect l="l" t="t" r="r" b="b"/>
              <a:pathLst>
                <a:path w="477" h="476" extrusionOk="0">
                  <a:moveTo>
                    <a:pt x="329" y="0"/>
                  </a:moveTo>
                  <a:lnTo>
                    <a:pt x="205" y="118"/>
                  </a:lnTo>
                  <a:lnTo>
                    <a:pt x="124" y="197"/>
                  </a:lnTo>
                  <a:lnTo>
                    <a:pt x="1" y="315"/>
                  </a:lnTo>
                  <a:lnTo>
                    <a:pt x="353" y="476"/>
                  </a:lnTo>
                  <a:lnTo>
                    <a:pt x="374" y="457"/>
                  </a:lnTo>
                  <a:lnTo>
                    <a:pt x="456" y="379"/>
                  </a:lnTo>
                  <a:lnTo>
                    <a:pt x="476" y="359"/>
                  </a:lnTo>
                  <a:lnTo>
                    <a:pt x="329"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18" name="Google Shape;618;p28"/>
            <p:cNvSpPr/>
            <p:nvPr/>
          </p:nvSpPr>
          <p:spPr>
            <a:xfrm flipH="1">
              <a:off x="7484411" y="985964"/>
              <a:ext cx="29788" cy="28779"/>
            </a:xfrm>
            <a:custGeom>
              <a:avLst/>
              <a:gdLst/>
              <a:ahLst/>
              <a:cxnLst/>
              <a:rect l="l" t="t" r="r" b="b"/>
              <a:pathLst>
                <a:path w="472" h="456" extrusionOk="0">
                  <a:moveTo>
                    <a:pt x="240" y="1"/>
                  </a:moveTo>
                  <a:lnTo>
                    <a:pt x="151" y="146"/>
                  </a:lnTo>
                  <a:lnTo>
                    <a:pt x="91" y="242"/>
                  </a:lnTo>
                  <a:lnTo>
                    <a:pt x="1" y="386"/>
                  </a:lnTo>
                  <a:lnTo>
                    <a:pt x="383" y="456"/>
                  </a:lnTo>
                  <a:lnTo>
                    <a:pt x="398" y="432"/>
                  </a:lnTo>
                  <a:lnTo>
                    <a:pt x="458" y="336"/>
                  </a:lnTo>
                  <a:lnTo>
                    <a:pt x="472" y="312"/>
                  </a:lnTo>
                  <a:lnTo>
                    <a:pt x="240"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19" name="Google Shape;619;p28"/>
            <p:cNvSpPr/>
            <p:nvPr/>
          </p:nvSpPr>
          <p:spPr>
            <a:xfrm flipH="1">
              <a:off x="7472357" y="960782"/>
              <a:ext cx="27705" cy="27391"/>
            </a:xfrm>
            <a:custGeom>
              <a:avLst/>
              <a:gdLst/>
              <a:ahLst/>
              <a:cxnLst/>
              <a:rect l="l" t="t" r="r" b="b"/>
              <a:pathLst>
                <a:path w="439" h="434" extrusionOk="0">
                  <a:moveTo>
                    <a:pt x="136" y="1"/>
                  </a:moveTo>
                  <a:lnTo>
                    <a:pt x="86" y="163"/>
                  </a:lnTo>
                  <a:lnTo>
                    <a:pt x="52" y="272"/>
                  </a:lnTo>
                  <a:lnTo>
                    <a:pt x="1" y="434"/>
                  </a:lnTo>
                  <a:lnTo>
                    <a:pt x="1" y="434"/>
                  </a:lnTo>
                  <a:lnTo>
                    <a:pt x="388" y="406"/>
                  </a:lnTo>
                  <a:lnTo>
                    <a:pt x="396" y="379"/>
                  </a:lnTo>
                  <a:lnTo>
                    <a:pt x="430" y="272"/>
                  </a:lnTo>
                  <a:lnTo>
                    <a:pt x="438" y="245"/>
                  </a:lnTo>
                  <a:lnTo>
                    <a:pt x="136"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20" name="Google Shape;620;p28"/>
            <p:cNvSpPr/>
            <p:nvPr/>
          </p:nvSpPr>
          <p:spPr>
            <a:xfrm flipH="1">
              <a:off x="7468065" y="934527"/>
              <a:ext cx="23856" cy="28716"/>
            </a:xfrm>
            <a:custGeom>
              <a:avLst/>
              <a:gdLst/>
              <a:ahLst/>
              <a:cxnLst/>
              <a:rect l="l" t="t" r="r" b="b"/>
              <a:pathLst>
                <a:path w="378" h="455" extrusionOk="0">
                  <a:moveTo>
                    <a:pt x="25" y="0"/>
                  </a:moveTo>
                  <a:lnTo>
                    <a:pt x="16" y="171"/>
                  </a:lnTo>
                  <a:lnTo>
                    <a:pt x="9" y="283"/>
                  </a:lnTo>
                  <a:lnTo>
                    <a:pt x="0" y="454"/>
                  </a:lnTo>
                  <a:lnTo>
                    <a:pt x="368" y="331"/>
                  </a:lnTo>
                  <a:lnTo>
                    <a:pt x="370" y="303"/>
                  </a:lnTo>
                  <a:lnTo>
                    <a:pt x="375" y="189"/>
                  </a:lnTo>
                  <a:lnTo>
                    <a:pt x="377" y="161"/>
                  </a:lnTo>
                  <a:lnTo>
                    <a:pt x="25"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21" name="Google Shape;621;p28"/>
            <p:cNvSpPr/>
            <p:nvPr/>
          </p:nvSpPr>
          <p:spPr>
            <a:xfrm flipH="1">
              <a:off x="7469643" y="908777"/>
              <a:ext cx="26254" cy="28211"/>
            </a:xfrm>
            <a:custGeom>
              <a:avLst/>
              <a:gdLst/>
              <a:ahLst/>
              <a:cxnLst/>
              <a:rect l="l" t="t" r="r" b="b"/>
              <a:pathLst>
                <a:path w="416" h="447" extrusionOk="0">
                  <a:moveTo>
                    <a:pt x="0" y="1"/>
                  </a:moveTo>
                  <a:lnTo>
                    <a:pt x="34" y="168"/>
                  </a:lnTo>
                  <a:lnTo>
                    <a:pt x="57" y="279"/>
                  </a:lnTo>
                  <a:lnTo>
                    <a:pt x="90" y="446"/>
                  </a:lnTo>
                  <a:lnTo>
                    <a:pt x="416" y="236"/>
                  </a:lnTo>
                  <a:lnTo>
                    <a:pt x="410" y="208"/>
                  </a:lnTo>
                  <a:lnTo>
                    <a:pt x="388" y="97"/>
                  </a:lnTo>
                  <a:lnTo>
                    <a:pt x="383" y="69"/>
                  </a:lnTo>
                  <a:lnTo>
                    <a:pt x="0"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22" name="Google Shape;622;p28"/>
            <p:cNvSpPr/>
            <p:nvPr/>
          </p:nvSpPr>
          <p:spPr>
            <a:xfrm flipH="1">
              <a:off x="7478478" y="883406"/>
              <a:ext cx="29094" cy="27769"/>
            </a:xfrm>
            <a:custGeom>
              <a:avLst/>
              <a:gdLst/>
              <a:ahLst/>
              <a:cxnLst/>
              <a:rect l="l" t="t" r="r" b="b"/>
              <a:pathLst>
                <a:path w="461" h="440" extrusionOk="0">
                  <a:moveTo>
                    <a:pt x="387" y="1"/>
                  </a:moveTo>
                  <a:lnTo>
                    <a:pt x="0" y="30"/>
                  </a:lnTo>
                  <a:lnTo>
                    <a:pt x="74" y="184"/>
                  </a:lnTo>
                  <a:lnTo>
                    <a:pt x="123" y="285"/>
                  </a:lnTo>
                  <a:lnTo>
                    <a:pt x="197" y="439"/>
                  </a:lnTo>
                  <a:lnTo>
                    <a:pt x="460" y="154"/>
                  </a:lnTo>
                  <a:lnTo>
                    <a:pt x="449" y="128"/>
                  </a:lnTo>
                  <a:lnTo>
                    <a:pt x="399" y="27"/>
                  </a:lnTo>
                  <a:lnTo>
                    <a:pt x="387"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23" name="Google Shape;623;p28"/>
            <p:cNvSpPr/>
            <p:nvPr/>
          </p:nvSpPr>
          <p:spPr>
            <a:xfrm flipH="1">
              <a:off x="7494697" y="857530"/>
              <a:ext cx="30103" cy="29789"/>
            </a:xfrm>
            <a:custGeom>
              <a:avLst/>
              <a:gdLst/>
              <a:ahLst/>
              <a:cxnLst/>
              <a:rect l="l" t="t" r="r" b="b"/>
              <a:pathLst>
                <a:path w="477" h="472" extrusionOk="0">
                  <a:moveTo>
                    <a:pt x="368" y="0"/>
                  </a:moveTo>
                  <a:lnTo>
                    <a:pt x="0" y="125"/>
                  </a:lnTo>
                  <a:lnTo>
                    <a:pt x="111" y="255"/>
                  </a:lnTo>
                  <a:lnTo>
                    <a:pt x="183" y="342"/>
                  </a:lnTo>
                  <a:lnTo>
                    <a:pt x="294" y="472"/>
                  </a:lnTo>
                  <a:lnTo>
                    <a:pt x="477" y="131"/>
                  </a:lnTo>
                  <a:lnTo>
                    <a:pt x="459" y="109"/>
                  </a:lnTo>
                  <a:lnTo>
                    <a:pt x="386" y="22"/>
                  </a:lnTo>
                  <a:lnTo>
                    <a:pt x="368"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24" name="Google Shape;624;p28"/>
            <p:cNvSpPr/>
            <p:nvPr/>
          </p:nvSpPr>
          <p:spPr>
            <a:xfrm flipH="1">
              <a:off x="7517102" y="837018"/>
              <a:ext cx="29283" cy="30042"/>
            </a:xfrm>
            <a:custGeom>
              <a:avLst/>
              <a:gdLst/>
              <a:ahLst/>
              <a:cxnLst/>
              <a:rect l="l" t="t" r="r" b="b"/>
              <a:pathLst>
                <a:path w="464" h="476" extrusionOk="0">
                  <a:moveTo>
                    <a:pt x="326" y="1"/>
                  </a:moveTo>
                  <a:lnTo>
                    <a:pt x="0" y="213"/>
                  </a:lnTo>
                  <a:lnTo>
                    <a:pt x="140" y="311"/>
                  </a:lnTo>
                  <a:lnTo>
                    <a:pt x="232" y="377"/>
                  </a:lnTo>
                  <a:lnTo>
                    <a:pt x="370" y="475"/>
                  </a:lnTo>
                  <a:lnTo>
                    <a:pt x="463" y="99"/>
                  </a:lnTo>
                  <a:lnTo>
                    <a:pt x="440" y="83"/>
                  </a:lnTo>
                  <a:lnTo>
                    <a:pt x="348" y="17"/>
                  </a:lnTo>
                  <a:lnTo>
                    <a:pt x="326"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25" name="Google Shape;625;p28"/>
            <p:cNvSpPr/>
            <p:nvPr/>
          </p:nvSpPr>
          <p:spPr>
            <a:xfrm flipH="1">
              <a:off x="7499936" y="859423"/>
              <a:ext cx="189961" cy="168005"/>
            </a:xfrm>
            <a:custGeom>
              <a:avLst/>
              <a:gdLst/>
              <a:ahLst/>
              <a:cxnLst/>
              <a:rect l="l" t="t" r="r" b="b"/>
              <a:pathLst>
                <a:path w="3010" h="2662" extrusionOk="0">
                  <a:moveTo>
                    <a:pt x="1506" y="1"/>
                  </a:moveTo>
                  <a:cubicBezTo>
                    <a:pt x="971" y="1"/>
                    <a:pt x="467" y="326"/>
                    <a:pt x="263" y="854"/>
                  </a:cubicBezTo>
                  <a:cubicBezTo>
                    <a:pt x="1" y="1540"/>
                    <a:pt x="343" y="2310"/>
                    <a:pt x="1029" y="2572"/>
                  </a:cubicBezTo>
                  <a:cubicBezTo>
                    <a:pt x="1186" y="2633"/>
                    <a:pt x="1348" y="2661"/>
                    <a:pt x="1506" y="2661"/>
                  </a:cubicBezTo>
                  <a:cubicBezTo>
                    <a:pt x="2040" y="2661"/>
                    <a:pt x="2544" y="2337"/>
                    <a:pt x="2747" y="1807"/>
                  </a:cubicBezTo>
                  <a:cubicBezTo>
                    <a:pt x="3010" y="1122"/>
                    <a:pt x="2668" y="353"/>
                    <a:pt x="1983" y="89"/>
                  </a:cubicBezTo>
                  <a:cubicBezTo>
                    <a:pt x="1826" y="29"/>
                    <a:pt x="1664" y="1"/>
                    <a:pt x="1506"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26" name="Google Shape;626;p28"/>
            <p:cNvSpPr/>
            <p:nvPr/>
          </p:nvSpPr>
          <p:spPr>
            <a:xfrm flipH="1">
              <a:off x="7469138" y="1040367"/>
              <a:ext cx="477806" cy="397041"/>
            </a:xfrm>
            <a:custGeom>
              <a:avLst/>
              <a:gdLst/>
              <a:ahLst/>
              <a:cxnLst/>
              <a:rect l="l" t="t" r="r" b="b"/>
              <a:pathLst>
                <a:path w="7571" h="6291" extrusionOk="0">
                  <a:moveTo>
                    <a:pt x="1523" y="1"/>
                  </a:moveTo>
                  <a:lnTo>
                    <a:pt x="0" y="3968"/>
                  </a:lnTo>
                  <a:lnTo>
                    <a:pt x="6048" y="6291"/>
                  </a:lnTo>
                  <a:lnTo>
                    <a:pt x="7571" y="2324"/>
                  </a:lnTo>
                  <a:lnTo>
                    <a:pt x="1523"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27" name="Google Shape;627;p28"/>
            <p:cNvSpPr/>
            <p:nvPr/>
          </p:nvSpPr>
          <p:spPr>
            <a:xfrm flipH="1">
              <a:off x="7439539" y="1221310"/>
              <a:ext cx="115050" cy="204169"/>
            </a:xfrm>
            <a:custGeom>
              <a:avLst/>
              <a:gdLst/>
              <a:ahLst/>
              <a:cxnLst/>
              <a:rect l="l" t="t" r="r" b="b"/>
              <a:pathLst>
                <a:path w="1823" h="3235" extrusionOk="0">
                  <a:moveTo>
                    <a:pt x="1143" y="0"/>
                  </a:moveTo>
                  <a:lnTo>
                    <a:pt x="1" y="2974"/>
                  </a:lnTo>
                  <a:lnTo>
                    <a:pt x="681" y="3235"/>
                  </a:lnTo>
                  <a:lnTo>
                    <a:pt x="1822" y="261"/>
                  </a:lnTo>
                  <a:lnTo>
                    <a:pt x="1143"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28" name="Google Shape;628;p28"/>
            <p:cNvSpPr/>
            <p:nvPr/>
          </p:nvSpPr>
          <p:spPr>
            <a:xfrm flipH="1">
              <a:off x="7557050" y="1065549"/>
              <a:ext cx="52003" cy="58568"/>
            </a:xfrm>
            <a:custGeom>
              <a:avLst/>
              <a:gdLst/>
              <a:ahLst/>
              <a:cxnLst/>
              <a:rect l="l" t="t" r="r" b="b"/>
              <a:pathLst>
                <a:path w="824" h="928" extrusionOk="0">
                  <a:moveTo>
                    <a:pt x="276" y="1"/>
                  </a:moveTo>
                  <a:lnTo>
                    <a:pt x="1" y="717"/>
                  </a:lnTo>
                  <a:lnTo>
                    <a:pt x="549" y="927"/>
                  </a:lnTo>
                  <a:lnTo>
                    <a:pt x="823" y="211"/>
                  </a:lnTo>
                  <a:lnTo>
                    <a:pt x="276"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29" name="Google Shape;629;p28"/>
            <p:cNvSpPr/>
            <p:nvPr/>
          </p:nvSpPr>
          <p:spPr>
            <a:xfrm flipH="1">
              <a:off x="7678726" y="1018530"/>
              <a:ext cx="52003" cy="58568"/>
            </a:xfrm>
            <a:custGeom>
              <a:avLst/>
              <a:gdLst/>
              <a:ahLst/>
              <a:cxnLst/>
              <a:rect l="l" t="t" r="r" b="b"/>
              <a:pathLst>
                <a:path w="824" h="928" extrusionOk="0">
                  <a:moveTo>
                    <a:pt x="276" y="1"/>
                  </a:moveTo>
                  <a:lnTo>
                    <a:pt x="1" y="718"/>
                  </a:lnTo>
                  <a:lnTo>
                    <a:pt x="549" y="928"/>
                  </a:lnTo>
                  <a:lnTo>
                    <a:pt x="824" y="211"/>
                  </a:lnTo>
                  <a:lnTo>
                    <a:pt x="276"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30" name="Google Shape;630;p28"/>
            <p:cNvSpPr/>
            <p:nvPr/>
          </p:nvSpPr>
          <p:spPr>
            <a:xfrm flipH="1">
              <a:off x="7864585" y="1058480"/>
              <a:ext cx="114986" cy="204169"/>
            </a:xfrm>
            <a:custGeom>
              <a:avLst/>
              <a:gdLst/>
              <a:ahLst/>
              <a:cxnLst/>
              <a:rect l="l" t="t" r="r" b="b"/>
              <a:pathLst>
                <a:path w="1822" h="3235" extrusionOk="0">
                  <a:moveTo>
                    <a:pt x="1142" y="0"/>
                  </a:moveTo>
                  <a:lnTo>
                    <a:pt x="0" y="2973"/>
                  </a:lnTo>
                  <a:lnTo>
                    <a:pt x="681" y="3235"/>
                  </a:lnTo>
                  <a:lnTo>
                    <a:pt x="1822" y="261"/>
                  </a:lnTo>
                  <a:lnTo>
                    <a:pt x="1142"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31" name="Google Shape;631;p28"/>
            <p:cNvSpPr/>
            <p:nvPr/>
          </p:nvSpPr>
          <p:spPr>
            <a:xfrm flipH="1">
              <a:off x="7541778" y="896470"/>
              <a:ext cx="162319" cy="234210"/>
            </a:xfrm>
            <a:custGeom>
              <a:avLst/>
              <a:gdLst/>
              <a:ahLst/>
              <a:cxnLst/>
              <a:rect l="l" t="t" r="r" b="b"/>
              <a:pathLst>
                <a:path w="2572" h="3711" extrusionOk="0">
                  <a:moveTo>
                    <a:pt x="1731" y="1"/>
                  </a:moveTo>
                  <a:cubicBezTo>
                    <a:pt x="1432" y="1"/>
                    <a:pt x="1151" y="182"/>
                    <a:pt x="1037" y="477"/>
                  </a:cubicBezTo>
                  <a:lnTo>
                    <a:pt x="1" y="3178"/>
                  </a:lnTo>
                  <a:lnTo>
                    <a:pt x="1388" y="3710"/>
                  </a:lnTo>
                  <a:lnTo>
                    <a:pt x="2425" y="1011"/>
                  </a:lnTo>
                  <a:cubicBezTo>
                    <a:pt x="2571" y="627"/>
                    <a:pt x="2380" y="198"/>
                    <a:pt x="1997" y="50"/>
                  </a:cubicBezTo>
                  <a:cubicBezTo>
                    <a:pt x="1909" y="17"/>
                    <a:pt x="1819" y="1"/>
                    <a:pt x="1731"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32" name="Google Shape;632;p28"/>
            <p:cNvSpPr/>
            <p:nvPr/>
          </p:nvSpPr>
          <p:spPr>
            <a:xfrm flipH="1">
              <a:off x="7567968" y="919632"/>
              <a:ext cx="53770" cy="47587"/>
            </a:xfrm>
            <a:custGeom>
              <a:avLst/>
              <a:gdLst/>
              <a:ahLst/>
              <a:cxnLst/>
              <a:rect l="l" t="t" r="r" b="b"/>
              <a:pathLst>
                <a:path w="852" h="754" extrusionOk="0">
                  <a:moveTo>
                    <a:pt x="426" y="0"/>
                  </a:moveTo>
                  <a:cubicBezTo>
                    <a:pt x="274" y="0"/>
                    <a:pt x="132" y="92"/>
                    <a:pt x="75" y="242"/>
                  </a:cubicBezTo>
                  <a:cubicBezTo>
                    <a:pt x="0" y="436"/>
                    <a:pt x="96" y="654"/>
                    <a:pt x="291" y="728"/>
                  </a:cubicBezTo>
                  <a:cubicBezTo>
                    <a:pt x="335" y="745"/>
                    <a:pt x="380" y="753"/>
                    <a:pt x="425" y="753"/>
                  </a:cubicBezTo>
                  <a:cubicBezTo>
                    <a:pt x="577" y="753"/>
                    <a:pt x="719" y="661"/>
                    <a:pt x="777" y="512"/>
                  </a:cubicBezTo>
                  <a:cubicBezTo>
                    <a:pt x="852" y="318"/>
                    <a:pt x="755" y="100"/>
                    <a:pt x="560" y="25"/>
                  </a:cubicBezTo>
                  <a:cubicBezTo>
                    <a:pt x="516" y="8"/>
                    <a:pt x="470" y="0"/>
                    <a:pt x="42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33" name="Google Shape;633;p28"/>
            <p:cNvSpPr/>
            <p:nvPr/>
          </p:nvSpPr>
          <p:spPr>
            <a:xfrm flipH="1">
              <a:off x="7495076" y="1124937"/>
              <a:ext cx="452183" cy="312596"/>
            </a:xfrm>
            <a:custGeom>
              <a:avLst/>
              <a:gdLst/>
              <a:ahLst/>
              <a:cxnLst/>
              <a:rect l="l" t="t" r="r" b="b"/>
              <a:pathLst>
                <a:path w="7165" h="4953" extrusionOk="0">
                  <a:moveTo>
                    <a:pt x="2240" y="1"/>
                  </a:moveTo>
                  <a:cubicBezTo>
                    <a:pt x="1802" y="1"/>
                    <a:pt x="1362" y="63"/>
                    <a:pt x="930" y="208"/>
                  </a:cubicBezTo>
                  <a:lnTo>
                    <a:pt x="0" y="2631"/>
                  </a:lnTo>
                  <a:lnTo>
                    <a:pt x="6048" y="4953"/>
                  </a:lnTo>
                  <a:lnTo>
                    <a:pt x="7164" y="2043"/>
                  </a:lnTo>
                  <a:cubicBezTo>
                    <a:pt x="6561" y="1562"/>
                    <a:pt x="4433" y="1"/>
                    <a:pt x="2240" y="1"/>
                  </a:cubicBez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34" name="Google Shape;634;p28"/>
            <p:cNvSpPr/>
            <p:nvPr/>
          </p:nvSpPr>
          <p:spPr>
            <a:xfrm flipH="1">
              <a:off x="7697785" y="1341729"/>
              <a:ext cx="152158" cy="143960"/>
            </a:xfrm>
            <a:custGeom>
              <a:avLst/>
              <a:gdLst/>
              <a:ahLst/>
              <a:cxnLst/>
              <a:rect l="l" t="t" r="r" b="b"/>
              <a:pathLst>
                <a:path w="2411" h="2281" extrusionOk="0">
                  <a:moveTo>
                    <a:pt x="553" y="0"/>
                  </a:moveTo>
                  <a:lnTo>
                    <a:pt x="197" y="929"/>
                  </a:lnTo>
                  <a:cubicBezTo>
                    <a:pt x="0" y="1441"/>
                    <a:pt x="257" y="2017"/>
                    <a:pt x="769" y="2214"/>
                  </a:cubicBezTo>
                  <a:cubicBezTo>
                    <a:pt x="887" y="2259"/>
                    <a:pt x="1007" y="2280"/>
                    <a:pt x="1126" y="2280"/>
                  </a:cubicBezTo>
                  <a:cubicBezTo>
                    <a:pt x="1526" y="2280"/>
                    <a:pt x="1903" y="2037"/>
                    <a:pt x="2054" y="1642"/>
                  </a:cubicBezTo>
                  <a:lnTo>
                    <a:pt x="2411" y="713"/>
                  </a:lnTo>
                  <a:lnTo>
                    <a:pt x="55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35" name="Google Shape;635;p28"/>
            <p:cNvSpPr/>
            <p:nvPr/>
          </p:nvSpPr>
          <p:spPr>
            <a:xfrm flipH="1">
              <a:off x="7753890" y="1409953"/>
              <a:ext cx="60838" cy="53898"/>
            </a:xfrm>
            <a:custGeom>
              <a:avLst/>
              <a:gdLst/>
              <a:ahLst/>
              <a:cxnLst/>
              <a:rect l="l" t="t" r="r" b="b"/>
              <a:pathLst>
                <a:path w="964" h="854" extrusionOk="0">
                  <a:moveTo>
                    <a:pt x="482" y="1"/>
                  </a:moveTo>
                  <a:cubicBezTo>
                    <a:pt x="311" y="1"/>
                    <a:pt x="150" y="105"/>
                    <a:pt x="84" y="275"/>
                  </a:cubicBezTo>
                  <a:cubicBezTo>
                    <a:pt x="0" y="494"/>
                    <a:pt x="110" y="741"/>
                    <a:pt x="329" y="825"/>
                  </a:cubicBezTo>
                  <a:cubicBezTo>
                    <a:pt x="380" y="844"/>
                    <a:pt x="432" y="853"/>
                    <a:pt x="483" y="853"/>
                  </a:cubicBezTo>
                  <a:cubicBezTo>
                    <a:pt x="654" y="853"/>
                    <a:pt x="815" y="749"/>
                    <a:pt x="880" y="580"/>
                  </a:cubicBezTo>
                  <a:cubicBezTo>
                    <a:pt x="964" y="360"/>
                    <a:pt x="854" y="113"/>
                    <a:pt x="635" y="30"/>
                  </a:cubicBezTo>
                  <a:cubicBezTo>
                    <a:pt x="585" y="10"/>
                    <a:pt x="533" y="1"/>
                    <a:pt x="482"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36" name="Google Shape;636;p28"/>
            <p:cNvSpPr/>
            <p:nvPr/>
          </p:nvSpPr>
          <p:spPr>
            <a:xfrm flipH="1">
              <a:off x="7411582" y="1567104"/>
              <a:ext cx="503618" cy="651447"/>
            </a:xfrm>
            <a:custGeom>
              <a:avLst/>
              <a:gdLst/>
              <a:ahLst/>
              <a:cxnLst/>
              <a:rect l="l" t="t" r="r" b="b"/>
              <a:pathLst>
                <a:path w="7980" h="10322" extrusionOk="0">
                  <a:moveTo>
                    <a:pt x="5172" y="1"/>
                  </a:moveTo>
                  <a:cubicBezTo>
                    <a:pt x="5117" y="1"/>
                    <a:pt x="5062" y="8"/>
                    <a:pt x="5007" y="23"/>
                  </a:cubicBezTo>
                  <a:lnTo>
                    <a:pt x="540" y="1220"/>
                  </a:lnTo>
                  <a:cubicBezTo>
                    <a:pt x="201" y="1309"/>
                    <a:pt x="1" y="1658"/>
                    <a:pt x="92" y="1996"/>
                  </a:cubicBezTo>
                  <a:lnTo>
                    <a:pt x="2196" y="9851"/>
                  </a:lnTo>
                  <a:cubicBezTo>
                    <a:pt x="2271" y="10134"/>
                    <a:pt x="2528" y="10321"/>
                    <a:pt x="2808" y="10321"/>
                  </a:cubicBezTo>
                  <a:cubicBezTo>
                    <a:pt x="2862" y="10321"/>
                    <a:pt x="2918" y="10314"/>
                    <a:pt x="2972" y="10299"/>
                  </a:cubicBezTo>
                  <a:lnTo>
                    <a:pt x="7440" y="9102"/>
                  </a:lnTo>
                  <a:cubicBezTo>
                    <a:pt x="7779" y="9011"/>
                    <a:pt x="7980" y="8664"/>
                    <a:pt x="7889" y="8325"/>
                  </a:cubicBezTo>
                  <a:lnTo>
                    <a:pt x="5784" y="471"/>
                  </a:lnTo>
                  <a:cubicBezTo>
                    <a:pt x="5709" y="187"/>
                    <a:pt x="5452" y="1"/>
                    <a:pt x="5172"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37" name="Google Shape;637;p28"/>
            <p:cNvSpPr/>
            <p:nvPr/>
          </p:nvSpPr>
          <p:spPr>
            <a:xfrm flipH="1">
              <a:off x="7493057" y="2176455"/>
              <a:ext cx="105709" cy="317267"/>
            </a:xfrm>
            <a:custGeom>
              <a:avLst/>
              <a:gdLst/>
              <a:ahLst/>
              <a:cxnLst/>
              <a:rect l="l" t="t" r="r" b="b"/>
              <a:pathLst>
                <a:path w="1675" h="5027" extrusionOk="0">
                  <a:moveTo>
                    <a:pt x="364" y="0"/>
                  </a:moveTo>
                  <a:lnTo>
                    <a:pt x="1" y="98"/>
                  </a:lnTo>
                  <a:lnTo>
                    <a:pt x="1284" y="4887"/>
                  </a:lnTo>
                  <a:cubicBezTo>
                    <a:pt x="1306" y="4971"/>
                    <a:pt x="1383" y="5026"/>
                    <a:pt x="1466" y="5026"/>
                  </a:cubicBezTo>
                  <a:cubicBezTo>
                    <a:pt x="1482" y="5026"/>
                    <a:pt x="1498" y="5024"/>
                    <a:pt x="1514" y="5020"/>
                  </a:cubicBezTo>
                  <a:cubicBezTo>
                    <a:pt x="1615" y="4993"/>
                    <a:pt x="1675" y="4890"/>
                    <a:pt x="1648" y="4789"/>
                  </a:cubicBezTo>
                  <a:lnTo>
                    <a:pt x="364"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38" name="Google Shape;638;p28"/>
            <p:cNvSpPr/>
            <p:nvPr/>
          </p:nvSpPr>
          <p:spPr>
            <a:xfrm flipH="1">
              <a:off x="9664167" y="1062014"/>
              <a:ext cx="119720" cy="57117"/>
            </a:xfrm>
            <a:custGeom>
              <a:avLst/>
              <a:gdLst/>
              <a:ahLst/>
              <a:cxnLst/>
              <a:rect l="l" t="t" r="r" b="b"/>
              <a:pathLst>
                <a:path w="1897" h="905" extrusionOk="0">
                  <a:moveTo>
                    <a:pt x="1" y="0"/>
                  </a:moveTo>
                  <a:lnTo>
                    <a:pt x="1" y="905"/>
                  </a:lnTo>
                  <a:lnTo>
                    <a:pt x="1897" y="905"/>
                  </a:lnTo>
                  <a:lnTo>
                    <a:pt x="1897"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39" name="Google Shape;639;p28"/>
            <p:cNvSpPr/>
            <p:nvPr/>
          </p:nvSpPr>
          <p:spPr>
            <a:xfrm flipH="1">
              <a:off x="9664167" y="1101460"/>
              <a:ext cx="119720" cy="17672"/>
            </a:xfrm>
            <a:custGeom>
              <a:avLst/>
              <a:gdLst/>
              <a:ahLst/>
              <a:cxnLst/>
              <a:rect l="l" t="t" r="r" b="b"/>
              <a:pathLst>
                <a:path w="1897" h="280" extrusionOk="0">
                  <a:moveTo>
                    <a:pt x="1" y="0"/>
                  </a:moveTo>
                  <a:lnTo>
                    <a:pt x="1" y="280"/>
                  </a:lnTo>
                  <a:lnTo>
                    <a:pt x="1897" y="280"/>
                  </a:lnTo>
                  <a:lnTo>
                    <a:pt x="1897"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40" name="Google Shape;640;p28"/>
            <p:cNvSpPr/>
            <p:nvPr/>
          </p:nvSpPr>
          <p:spPr>
            <a:xfrm flipH="1">
              <a:off x="7852468" y="1791342"/>
              <a:ext cx="86145" cy="130390"/>
            </a:xfrm>
            <a:custGeom>
              <a:avLst/>
              <a:gdLst/>
              <a:ahLst/>
              <a:cxnLst/>
              <a:rect l="l" t="t" r="r" b="b"/>
              <a:pathLst>
                <a:path w="1365" h="2066" extrusionOk="0">
                  <a:moveTo>
                    <a:pt x="874" y="1"/>
                  </a:moveTo>
                  <a:lnTo>
                    <a:pt x="1" y="235"/>
                  </a:lnTo>
                  <a:lnTo>
                    <a:pt x="492" y="2066"/>
                  </a:lnTo>
                  <a:lnTo>
                    <a:pt x="1365" y="1832"/>
                  </a:lnTo>
                  <a:lnTo>
                    <a:pt x="874"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41" name="Google Shape;641;p28"/>
            <p:cNvSpPr/>
            <p:nvPr/>
          </p:nvSpPr>
          <p:spPr>
            <a:xfrm flipH="1">
              <a:off x="7852089" y="1790585"/>
              <a:ext cx="48027" cy="120229"/>
            </a:xfrm>
            <a:custGeom>
              <a:avLst/>
              <a:gdLst/>
              <a:ahLst/>
              <a:cxnLst/>
              <a:rect l="l" t="t" r="r" b="b"/>
              <a:pathLst>
                <a:path w="761" h="1905" extrusionOk="0">
                  <a:moveTo>
                    <a:pt x="270" y="0"/>
                  </a:moveTo>
                  <a:lnTo>
                    <a:pt x="0" y="73"/>
                  </a:lnTo>
                  <a:lnTo>
                    <a:pt x="490" y="1904"/>
                  </a:lnTo>
                  <a:lnTo>
                    <a:pt x="760" y="1832"/>
                  </a:lnTo>
                  <a:lnTo>
                    <a:pt x="270"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42" name="Google Shape;642;p28"/>
            <p:cNvSpPr/>
            <p:nvPr/>
          </p:nvSpPr>
          <p:spPr>
            <a:xfrm flipH="1">
              <a:off x="7411582" y="1853193"/>
              <a:ext cx="434828" cy="365358"/>
            </a:xfrm>
            <a:custGeom>
              <a:avLst/>
              <a:gdLst/>
              <a:ahLst/>
              <a:cxnLst/>
              <a:rect l="l" t="t" r="r" b="b"/>
              <a:pathLst>
                <a:path w="6890" h="5789" extrusionOk="0">
                  <a:moveTo>
                    <a:pt x="2963" y="0"/>
                  </a:moveTo>
                  <a:cubicBezTo>
                    <a:pt x="2070" y="0"/>
                    <a:pt x="1075" y="329"/>
                    <a:pt x="0" y="1192"/>
                  </a:cubicBezTo>
                  <a:lnTo>
                    <a:pt x="1106" y="5318"/>
                  </a:lnTo>
                  <a:cubicBezTo>
                    <a:pt x="1182" y="5602"/>
                    <a:pt x="1438" y="5788"/>
                    <a:pt x="1718" y="5788"/>
                  </a:cubicBezTo>
                  <a:cubicBezTo>
                    <a:pt x="1773" y="5788"/>
                    <a:pt x="1828" y="5781"/>
                    <a:pt x="1883" y="5766"/>
                  </a:cubicBezTo>
                  <a:lnTo>
                    <a:pt x="6350" y="4569"/>
                  </a:lnTo>
                  <a:cubicBezTo>
                    <a:pt x="6689" y="4478"/>
                    <a:pt x="6890" y="4131"/>
                    <a:pt x="6799" y="3792"/>
                  </a:cubicBezTo>
                  <a:lnTo>
                    <a:pt x="6186" y="1506"/>
                  </a:lnTo>
                  <a:cubicBezTo>
                    <a:pt x="5385" y="724"/>
                    <a:pt x="4286" y="0"/>
                    <a:pt x="2963" y="0"/>
                  </a:cubicBez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43" name="Google Shape;643;p28"/>
            <p:cNvSpPr/>
            <p:nvPr/>
          </p:nvSpPr>
          <p:spPr>
            <a:xfrm flipH="1">
              <a:off x="7442127" y="2084311"/>
              <a:ext cx="35973" cy="32503"/>
            </a:xfrm>
            <a:custGeom>
              <a:avLst/>
              <a:gdLst/>
              <a:ahLst/>
              <a:cxnLst/>
              <a:rect l="l" t="t" r="r" b="b"/>
              <a:pathLst>
                <a:path w="570" h="515" extrusionOk="0">
                  <a:moveTo>
                    <a:pt x="285" y="0"/>
                  </a:moveTo>
                  <a:cubicBezTo>
                    <a:pt x="263" y="0"/>
                    <a:pt x="241" y="3"/>
                    <a:pt x="218" y="9"/>
                  </a:cubicBezTo>
                  <a:cubicBezTo>
                    <a:pt x="82" y="46"/>
                    <a:pt x="0" y="187"/>
                    <a:pt x="37" y="323"/>
                  </a:cubicBezTo>
                  <a:cubicBezTo>
                    <a:pt x="68" y="438"/>
                    <a:pt x="171" y="514"/>
                    <a:pt x="284" y="514"/>
                  </a:cubicBezTo>
                  <a:cubicBezTo>
                    <a:pt x="307" y="514"/>
                    <a:pt x="329" y="511"/>
                    <a:pt x="352" y="505"/>
                  </a:cubicBezTo>
                  <a:cubicBezTo>
                    <a:pt x="488" y="469"/>
                    <a:pt x="570" y="328"/>
                    <a:pt x="534" y="191"/>
                  </a:cubicBezTo>
                  <a:cubicBezTo>
                    <a:pt x="502" y="76"/>
                    <a:pt x="399" y="0"/>
                    <a:pt x="285"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44" name="Google Shape;644;p28"/>
            <p:cNvSpPr/>
            <p:nvPr/>
          </p:nvSpPr>
          <p:spPr>
            <a:xfrm flipH="1">
              <a:off x="7485988" y="2096049"/>
              <a:ext cx="36036" cy="32503"/>
            </a:xfrm>
            <a:custGeom>
              <a:avLst/>
              <a:gdLst/>
              <a:ahLst/>
              <a:cxnLst/>
              <a:rect l="l" t="t" r="r" b="b"/>
              <a:pathLst>
                <a:path w="571" h="515" extrusionOk="0">
                  <a:moveTo>
                    <a:pt x="285" y="1"/>
                  </a:moveTo>
                  <a:cubicBezTo>
                    <a:pt x="263" y="1"/>
                    <a:pt x="241" y="3"/>
                    <a:pt x="219" y="9"/>
                  </a:cubicBezTo>
                  <a:cubicBezTo>
                    <a:pt x="82" y="46"/>
                    <a:pt x="1" y="187"/>
                    <a:pt x="38" y="324"/>
                  </a:cubicBezTo>
                  <a:cubicBezTo>
                    <a:pt x="68" y="439"/>
                    <a:pt x="171" y="514"/>
                    <a:pt x="285" y="514"/>
                  </a:cubicBezTo>
                  <a:cubicBezTo>
                    <a:pt x="307" y="514"/>
                    <a:pt x="330" y="511"/>
                    <a:pt x="352" y="505"/>
                  </a:cubicBezTo>
                  <a:cubicBezTo>
                    <a:pt x="490" y="469"/>
                    <a:pt x="570" y="329"/>
                    <a:pt x="534" y="191"/>
                  </a:cubicBezTo>
                  <a:cubicBezTo>
                    <a:pt x="503" y="76"/>
                    <a:pt x="399" y="1"/>
                    <a:pt x="285"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45" name="Google Shape;645;p28"/>
            <p:cNvSpPr/>
            <p:nvPr/>
          </p:nvSpPr>
          <p:spPr>
            <a:xfrm flipH="1">
              <a:off x="7529913" y="2107851"/>
              <a:ext cx="36036" cy="32503"/>
            </a:xfrm>
            <a:custGeom>
              <a:avLst/>
              <a:gdLst/>
              <a:ahLst/>
              <a:cxnLst/>
              <a:rect l="l" t="t" r="r" b="b"/>
              <a:pathLst>
                <a:path w="571" h="515" extrusionOk="0">
                  <a:moveTo>
                    <a:pt x="287" y="0"/>
                  </a:moveTo>
                  <a:cubicBezTo>
                    <a:pt x="265" y="0"/>
                    <a:pt x="242" y="3"/>
                    <a:pt x="220" y="9"/>
                  </a:cubicBezTo>
                  <a:cubicBezTo>
                    <a:pt x="83" y="45"/>
                    <a:pt x="1" y="186"/>
                    <a:pt x="38" y="324"/>
                  </a:cubicBezTo>
                  <a:cubicBezTo>
                    <a:pt x="68" y="439"/>
                    <a:pt x="173" y="514"/>
                    <a:pt x="286" y="514"/>
                  </a:cubicBezTo>
                  <a:cubicBezTo>
                    <a:pt x="308" y="514"/>
                    <a:pt x="330" y="511"/>
                    <a:pt x="352" y="505"/>
                  </a:cubicBezTo>
                  <a:cubicBezTo>
                    <a:pt x="490" y="468"/>
                    <a:pt x="570" y="328"/>
                    <a:pt x="534" y="190"/>
                  </a:cubicBezTo>
                  <a:cubicBezTo>
                    <a:pt x="503" y="76"/>
                    <a:pt x="400" y="0"/>
                    <a:pt x="287"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46" name="Google Shape;646;p28"/>
            <p:cNvSpPr/>
            <p:nvPr/>
          </p:nvSpPr>
          <p:spPr>
            <a:xfrm flipH="1">
              <a:off x="7453802" y="2040763"/>
              <a:ext cx="35973" cy="32503"/>
            </a:xfrm>
            <a:custGeom>
              <a:avLst/>
              <a:gdLst/>
              <a:ahLst/>
              <a:cxnLst/>
              <a:rect l="l" t="t" r="r" b="b"/>
              <a:pathLst>
                <a:path w="570" h="515" extrusionOk="0">
                  <a:moveTo>
                    <a:pt x="286" y="1"/>
                  </a:moveTo>
                  <a:cubicBezTo>
                    <a:pt x="263" y="1"/>
                    <a:pt x="241" y="4"/>
                    <a:pt x="218" y="10"/>
                  </a:cubicBezTo>
                  <a:cubicBezTo>
                    <a:pt x="82" y="46"/>
                    <a:pt x="0" y="186"/>
                    <a:pt x="37" y="324"/>
                  </a:cubicBezTo>
                  <a:cubicBezTo>
                    <a:pt x="68" y="439"/>
                    <a:pt x="172" y="514"/>
                    <a:pt x="285" y="514"/>
                  </a:cubicBezTo>
                  <a:cubicBezTo>
                    <a:pt x="307" y="514"/>
                    <a:pt x="329" y="512"/>
                    <a:pt x="352" y="506"/>
                  </a:cubicBezTo>
                  <a:cubicBezTo>
                    <a:pt x="489" y="469"/>
                    <a:pt x="570" y="328"/>
                    <a:pt x="534" y="191"/>
                  </a:cubicBezTo>
                  <a:cubicBezTo>
                    <a:pt x="502" y="76"/>
                    <a:pt x="399" y="1"/>
                    <a:pt x="286"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47" name="Google Shape;647;p28"/>
            <p:cNvSpPr/>
            <p:nvPr/>
          </p:nvSpPr>
          <p:spPr>
            <a:xfrm flipH="1">
              <a:off x="7497664" y="2052502"/>
              <a:ext cx="36036" cy="32503"/>
            </a:xfrm>
            <a:custGeom>
              <a:avLst/>
              <a:gdLst/>
              <a:ahLst/>
              <a:cxnLst/>
              <a:rect l="l" t="t" r="r" b="b"/>
              <a:pathLst>
                <a:path w="571" h="515" extrusionOk="0">
                  <a:moveTo>
                    <a:pt x="287" y="1"/>
                  </a:moveTo>
                  <a:cubicBezTo>
                    <a:pt x="264" y="1"/>
                    <a:pt x="242" y="4"/>
                    <a:pt x="220" y="10"/>
                  </a:cubicBezTo>
                  <a:cubicBezTo>
                    <a:pt x="82" y="46"/>
                    <a:pt x="1" y="188"/>
                    <a:pt x="38" y="324"/>
                  </a:cubicBezTo>
                  <a:cubicBezTo>
                    <a:pt x="68" y="439"/>
                    <a:pt x="172" y="515"/>
                    <a:pt x="285" y="515"/>
                  </a:cubicBezTo>
                  <a:cubicBezTo>
                    <a:pt x="307" y="515"/>
                    <a:pt x="330" y="512"/>
                    <a:pt x="352" y="506"/>
                  </a:cubicBezTo>
                  <a:cubicBezTo>
                    <a:pt x="490" y="470"/>
                    <a:pt x="570" y="328"/>
                    <a:pt x="534" y="192"/>
                  </a:cubicBezTo>
                  <a:cubicBezTo>
                    <a:pt x="503" y="77"/>
                    <a:pt x="399" y="1"/>
                    <a:pt x="287"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48" name="Google Shape;648;p28"/>
            <p:cNvSpPr/>
            <p:nvPr/>
          </p:nvSpPr>
          <p:spPr>
            <a:xfrm flipH="1">
              <a:off x="7541525" y="2064304"/>
              <a:ext cx="36036" cy="32440"/>
            </a:xfrm>
            <a:custGeom>
              <a:avLst/>
              <a:gdLst/>
              <a:ahLst/>
              <a:cxnLst/>
              <a:rect l="l" t="t" r="r" b="b"/>
              <a:pathLst>
                <a:path w="571" h="514" extrusionOk="0">
                  <a:moveTo>
                    <a:pt x="285" y="0"/>
                  </a:moveTo>
                  <a:cubicBezTo>
                    <a:pt x="263" y="0"/>
                    <a:pt x="241" y="3"/>
                    <a:pt x="219" y="9"/>
                  </a:cubicBezTo>
                  <a:cubicBezTo>
                    <a:pt x="82" y="46"/>
                    <a:pt x="1" y="187"/>
                    <a:pt x="37" y="324"/>
                  </a:cubicBezTo>
                  <a:cubicBezTo>
                    <a:pt x="68" y="438"/>
                    <a:pt x="172" y="514"/>
                    <a:pt x="284" y="514"/>
                  </a:cubicBezTo>
                  <a:cubicBezTo>
                    <a:pt x="307" y="514"/>
                    <a:pt x="329" y="511"/>
                    <a:pt x="351" y="505"/>
                  </a:cubicBezTo>
                  <a:cubicBezTo>
                    <a:pt x="489" y="469"/>
                    <a:pt x="570" y="328"/>
                    <a:pt x="533" y="191"/>
                  </a:cubicBezTo>
                  <a:cubicBezTo>
                    <a:pt x="503" y="75"/>
                    <a:pt x="398" y="0"/>
                    <a:pt x="285"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49" name="Google Shape;649;p28"/>
            <p:cNvSpPr/>
            <p:nvPr/>
          </p:nvSpPr>
          <p:spPr>
            <a:xfrm flipH="1">
              <a:off x="7465478" y="1997215"/>
              <a:ext cx="35973" cy="32503"/>
            </a:xfrm>
            <a:custGeom>
              <a:avLst/>
              <a:gdLst/>
              <a:ahLst/>
              <a:cxnLst/>
              <a:rect l="l" t="t" r="r" b="b"/>
              <a:pathLst>
                <a:path w="570" h="515" extrusionOk="0">
                  <a:moveTo>
                    <a:pt x="285" y="1"/>
                  </a:moveTo>
                  <a:cubicBezTo>
                    <a:pt x="264" y="1"/>
                    <a:pt x="241" y="3"/>
                    <a:pt x="219" y="9"/>
                  </a:cubicBezTo>
                  <a:cubicBezTo>
                    <a:pt x="82" y="46"/>
                    <a:pt x="0" y="187"/>
                    <a:pt x="37" y="324"/>
                  </a:cubicBezTo>
                  <a:cubicBezTo>
                    <a:pt x="68" y="439"/>
                    <a:pt x="172" y="514"/>
                    <a:pt x="285" y="514"/>
                  </a:cubicBezTo>
                  <a:cubicBezTo>
                    <a:pt x="307" y="514"/>
                    <a:pt x="329" y="511"/>
                    <a:pt x="352" y="505"/>
                  </a:cubicBezTo>
                  <a:cubicBezTo>
                    <a:pt x="489" y="469"/>
                    <a:pt x="570" y="329"/>
                    <a:pt x="534" y="191"/>
                  </a:cubicBezTo>
                  <a:cubicBezTo>
                    <a:pt x="502" y="76"/>
                    <a:pt x="399" y="1"/>
                    <a:pt x="285"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50" name="Google Shape;650;p28"/>
            <p:cNvSpPr/>
            <p:nvPr/>
          </p:nvSpPr>
          <p:spPr>
            <a:xfrm flipH="1">
              <a:off x="7509276" y="2008954"/>
              <a:ext cx="36099" cy="32503"/>
            </a:xfrm>
            <a:custGeom>
              <a:avLst/>
              <a:gdLst/>
              <a:ahLst/>
              <a:cxnLst/>
              <a:rect l="l" t="t" r="r" b="b"/>
              <a:pathLst>
                <a:path w="572" h="515" extrusionOk="0">
                  <a:moveTo>
                    <a:pt x="285" y="1"/>
                  </a:moveTo>
                  <a:cubicBezTo>
                    <a:pt x="264" y="1"/>
                    <a:pt x="242" y="3"/>
                    <a:pt x="220" y="9"/>
                  </a:cubicBezTo>
                  <a:cubicBezTo>
                    <a:pt x="82" y="46"/>
                    <a:pt x="1" y="187"/>
                    <a:pt x="38" y="325"/>
                  </a:cubicBezTo>
                  <a:cubicBezTo>
                    <a:pt x="68" y="439"/>
                    <a:pt x="172" y="514"/>
                    <a:pt x="285" y="514"/>
                  </a:cubicBezTo>
                  <a:cubicBezTo>
                    <a:pt x="307" y="514"/>
                    <a:pt x="330" y="511"/>
                    <a:pt x="352" y="505"/>
                  </a:cubicBezTo>
                  <a:cubicBezTo>
                    <a:pt x="489" y="469"/>
                    <a:pt x="571" y="329"/>
                    <a:pt x="534" y="191"/>
                  </a:cubicBezTo>
                  <a:cubicBezTo>
                    <a:pt x="504" y="77"/>
                    <a:pt x="399" y="1"/>
                    <a:pt x="285"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51" name="Google Shape;651;p28"/>
            <p:cNvSpPr/>
            <p:nvPr/>
          </p:nvSpPr>
          <p:spPr>
            <a:xfrm flipH="1">
              <a:off x="7553200" y="2020756"/>
              <a:ext cx="36036" cy="32503"/>
            </a:xfrm>
            <a:custGeom>
              <a:avLst/>
              <a:gdLst/>
              <a:ahLst/>
              <a:cxnLst/>
              <a:rect l="l" t="t" r="r" b="b"/>
              <a:pathLst>
                <a:path w="571" h="515" extrusionOk="0">
                  <a:moveTo>
                    <a:pt x="286" y="0"/>
                  </a:moveTo>
                  <a:cubicBezTo>
                    <a:pt x="264" y="0"/>
                    <a:pt x="241" y="3"/>
                    <a:pt x="219" y="9"/>
                  </a:cubicBezTo>
                  <a:cubicBezTo>
                    <a:pt x="82" y="46"/>
                    <a:pt x="1" y="187"/>
                    <a:pt x="37" y="324"/>
                  </a:cubicBezTo>
                  <a:cubicBezTo>
                    <a:pt x="68" y="439"/>
                    <a:pt x="172" y="514"/>
                    <a:pt x="286" y="514"/>
                  </a:cubicBezTo>
                  <a:cubicBezTo>
                    <a:pt x="308" y="514"/>
                    <a:pt x="330" y="511"/>
                    <a:pt x="352" y="506"/>
                  </a:cubicBezTo>
                  <a:cubicBezTo>
                    <a:pt x="489" y="468"/>
                    <a:pt x="570" y="328"/>
                    <a:pt x="533" y="191"/>
                  </a:cubicBezTo>
                  <a:cubicBezTo>
                    <a:pt x="503" y="76"/>
                    <a:pt x="399" y="0"/>
                    <a:pt x="286"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52" name="Google Shape;652;p28"/>
            <p:cNvSpPr/>
            <p:nvPr/>
          </p:nvSpPr>
          <p:spPr>
            <a:xfrm flipH="1">
              <a:off x="7477090" y="1953668"/>
              <a:ext cx="36036" cy="32503"/>
            </a:xfrm>
            <a:custGeom>
              <a:avLst/>
              <a:gdLst/>
              <a:ahLst/>
              <a:cxnLst/>
              <a:rect l="l" t="t" r="r" b="b"/>
              <a:pathLst>
                <a:path w="571" h="515" extrusionOk="0">
                  <a:moveTo>
                    <a:pt x="286" y="1"/>
                  </a:moveTo>
                  <a:cubicBezTo>
                    <a:pt x="264" y="1"/>
                    <a:pt x="242" y="4"/>
                    <a:pt x="219" y="10"/>
                  </a:cubicBezTo>
                  <a:cubicBezTo>
                    <a:pt x="82" y="46"/>
                    <a:pt x="0" y="186"/>
                    <a:pt x="37" y="324"/>
                  </a:cubicBezTo>
                  <a:cubicBezTo>
                    <a:pt x="68" y="439"/>
                    <a:pt x="172" y="515"/>
                    <a:pt x="286" y="515"/>
                  </a:cubicBezTo>
                  <a:cubicBezTo>
                    <a:pt x="307" y="515"/>
                    <a:pt x="330" y="512"/>
                    <a:pt x="352" y="506"/>
                  </a:cubicBezTo>
                  <a:cubicBezTo>
                    <a:pt x="489" y="469"/>
                    <a:pt x="571" y="328"/>
                    <a:pt x="534" y="191"/>
                  </a:cubicBezTo>
                  <a:cubicBezTo>
                    <a:pt x="503" y="77"/>
                    <a:pt x="399" y="1"/>
                    <a:pt x="286"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53" name="Google Shape;653;p28"/>
            <p:cNvSpPr/>
            <p:nvPr/>
          </p:nvSpPr>
          <p:spPr>
            <a:xfrm flipH="1">
              <a:off x="7520951" y="1965470"/>
              <a:ext cx="36036" cy="32440"/>
            </a:xfrm>
            <a:custGeom>
              <a:avLst/>
              <a:gdLst/>
              <a:ahLst/>
              <a:cxnLst/>
              <a:rect l="l" t="t" r="r" b="b"/>
              <a:pathLst>
                <a:path w="571" h="514" extrusionOk="0">
                  <a:moveTo>
                    <a:pt x="285" y="0"/>
                  </a:moveTo>
                  <a:cubicBezTo>
                    <a:pt x="263" y="0"/>
                    <a:pt x="241" y="3"/>
                    <a:pt x="219" y="9"/>
                  </a:cubicBezTo>
                  <a:cubicBezTo>
                    <a:pt x="81" y="45"/>
                    <a:pt x="1" y="187"/>
                    <a:pt x="37" y="323"/>
                  </a:cubicBezTo>
                  <a:cubicBezTo>
                    <a:pt x="68" y="438"/>
                    <a:pt x="171" y="514"/>
                    <a:pt x="285" y="514"/>
                  </a:cubicBezTo>
                  <a:cubicBezTo>
                    <a:pt x="307" y="514"/>
                    <a:pt x="330" y="511"/>
                    <a:pt x="352" y="505"/>
                  </a:cubicBezTo>
                  <a:cubicBezTo>
                    <a:pt x="488" y="469"/>
                    <a:pt x="570" y="327"/>
                    <a:pt x="533" y="191"/>
                  </a:cubicBezTo>
                  <a:cubicBezTo>
                    <a:pt x="503" y="75"/>
                    <a:pt x="398" y="0"/>
                    <a:pt x="285"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54" name="Google Shape;654;p28"/>
            <p:cNvSpPr/>
            <p:nvPr/>
          </p:nvSpPr>
          <p:spPr>
            <a:xfrm flipH="1">
              <a:off x="7564876" y="1977209"/>
              <a:ext cx="36036" cy="32440"/>
            </a:xfrm>
            <a:custGeom>
              <a:avLst/>
              <a:gdLst/>
              <a:ahLst/>
              <a:cxnLst/>
              <a:rect l="l" t="t" r="r" b="b"/>
              <a:pathLst>
                <a:path w="571" h="514" extrusionOk="0">
                  <a:moveTo>
                    <a:pt x="285" y="0"/>
                  </a:moveTo>
                  <a:cubicBezTo>
                    <a:pt x="263" y="0"/>
                    <a:pt x="241" y="3"/>
                    <a:pt x="219" y="9"/>
                  </a:cubicBezTo>
                  <a:cubicBezTo>
                    <a:pt x="82" y="46"/>
                    <a:pt x="1" y="187"/>
                    <a:pt x="37" y="324"/>
                  </a:cubicBezTo>
                  <a:cubicBezTo>
                    <a:pt x="68" y="438"/>
                    <a:pt x="172" y="514"/>
                    <a:pt x="285" y="514"/>
                  </a:cubicBezTo>
                  <a:cubicBezTo>
                    <a:pt x="307" y="514"/>
                    <a:pt x="330" y="511"/>
                    <a:pt x="352" y="505"/>
                  </a:cubicBezTo>
                  <a:cubicBezTo>
                    <a:pt x="489" y="469"/>
                    <a:pt x="570" y="328"/>
                    <a:pt x="533" y="191"/>
                  </a:cubicBezTo>
                  <a:cubicBezTo>
                    <a:pt x="503" y="76"/>
                    <a:pt x="399" y="0"/>
                    <a:pt x="285"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55" name="Google Shape;655;p28"/>
            <p:cNvSpPr/>
            <p:nvPr/>
          </p:nvSpPr>
          <p:spPr>
            <a:xfrm flipH="1">
              <a:off x="7488765" y="1910120"/>
              <a:ext cx="36036" cy="32503"/>
            </a:xfrm>
            <a:custGeom>
              <a:avLst/>
              <a:gdLst/>
              <a:ahLst/>
              <a:cxnLst/>
              <a:rect l="l" t="t" r="r" b="b"/>
              <a:pathLst>
                <a:path w="571" h="515" extrusionOk="0">
                  <a:moveTo>
                    <a:pt x="285" y="1"/>
                  </a:moveTo>
                  <a:cubicBezTo>
                    <a:pt x="264" y="1"/>
                    <a:pt x="241" y="3"/>
                    <a:pt x="219" y="9"/>
                  </a:cubicBezTo>
                  <a:cubicBezTo>
                    <a:pt x="82" y="46"/>
                    <a:pt x="0" y="187"/>
                    <a:pt x="37" y="324"/>
                  </a:cubicBezTo>
                  <a:cubicBezTo>
                    <a:pt x="68" y="439"/>
                    <a:pt x="172" y="514"/>
                    <a:pt x="285" y="514"/>
                  </a:cubicBezTo>
                  <a:cubicBezTo>
                    <a:pt x="307" y="514"/>
                    <a:pt x="329" y="511"/>
                    <a:pt x="352" y="505"/>
                  </a:cubicBezTo>
                  <a:cubicBezTo>
                    <a:pt x="489" y="469"/>
                    <a:pt x="571" y="329"/>
                    <a:pt x="534" y="191"/>
                  </a:cubicBezTo>
                  <a:cubicBezTo>
                    <a:pt x="503" y="76"/>
                    <a:pt x="399" y="1"/>
                    <a:pt x="285"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56" name="Google Shape;656;p28"/>
            <p:cNvSpPr/>
            <p:nvPr/>
          </p:nvSpPr>
          <p:spPr>
            <a:xfrm flipH="1">
              <a:off x="7532627" y="1921922"/>
              <a:ext cx="36036" cy="32503"/>
            </a:xfrm>
            <a:custGeom>
              <a:avLst/>
              <a:gdLst/>
              <a:ahLst/>
              <a:cxnLst/>
              <a:rect l="l" t="t" r="r" b="b"/>
              <a:pathLst>
                <a:path w="571" h="515" extrusionOk="0">
                  <a:moveTo>
                    <a:pt x="286" y="0"/>
                  </a:moveTo>
                  <a:cubicBezTo>
                    <a:pt x="264" y="0"/>
                    <a:pt x="241" y="3"/>
                    <a:pt x="219" y="9"/>
                  </a:cubicBezTo>
                  <a:cubicBezTo>
                    <a:pt x="81" y="45"/>
                    <a:pt x="1" y="186"/>
                    <a:pt x="37" y="324"/>
                  </a:cubicBezTo>
                  <a:cubicBezTo>
                    <a:pt x="68" y="439"/>
                    <a:pt x="172" y="514"/>
                    <a:pt x="286" y="514"/>
                  </a:cubicBezTo>
                  <a:cubicBezTo>
                    <a:pt x="307" y="514"/>
                    <a:pt x="330" y="511"/>
                    <a:pt x="352" y="505"/>
                  </a:cubicBezTo>
                  <a:cubicBezTo>
                    <a:pt x="488" y="468"/>
                    <a:pt x="570" y="328"/>
                    <a:pt x="533" y="190"/>
                  </a:cubicBezTo>
                  <a:cubicBezTo>
                    <a:pt x="503" y="76"/>
                    <a:pt x="399" y="0"/>
                    <a:pt x="286"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57" name="Google Shape;657;p28"/>
            <p:cNvSpPr/>
            <p:nvPr/>
          </p:nvSpPr>
          <p:spPr>
            <a:xfrm flipH="1">
              <a:off x="7576551" y="1933661"/>
              <a:ext cx="36036" cy="32503"/>
            </a:xfrm>
            <a:custGeom>
              <a:avLst/>
              <a:gdLst/>
              <a:ahLst/>
              <a:cxnLst/>
              <a:rect l="l" t="t" r="r" b="b"/>
              <a:pathLst>
                <a:path w="571" h="515" extrusionOk="0">
                  <a:moveTo>
                    <a:pt x="286" y="0"/>
                  </a:moveTo>
                  <a:cubicBezTo>
                    <a:pt x="264" y="0"/>
                    <a:pt x="241" y="3"/>
                    <a:pt x="219" y="9"/>
                  </a:cubicBezTo>
                  <a:cubicBezTo>
                    <a:pt x="83" y="46"/>
                    <a:pt x="1" y="187"/>
                    <a:pt x="37" y="324"/>
                  </a:cubicBezTo>
                  <a:cubicBezTo>
                    <a:pt x="68" y="439"/>
                    <a:pt x="172" y="514"/>
                    <a:pt x="286" y="514"/>
                  </a:cubicBezTo>
                  <a:cubicBezTo>
                    <a:pt x="308" y="514"/>
                    <a:pt x="330" y="511"/>
                    <a:pt x="352" y="506"/>
                  </a:cubicBezTo>
                  <a:cubicBezTo>
                    <a:pt x="489" y="468"/>
                    <a:pt x="570" y="328"/>
                    <a:pt x="534" y="191"/>
                  </a:cubicBezTo>
                  <a:cubicBezTo>
                    <a:pt x="503" y="76"/>
                    <a:pt x="400" y="0"/>
                    <a:pt x="286"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58" name="Google Shape;658;p28"/>
            <p:cNvSpPr/>
            <p:nvPr/>
          </p:nvSpPr>
          <p:spPr>
            <a:xfrm flipH="1">
              <a:off x="7631394" y="2135053"/>
              <a:ext cx="36036" cy="32503"/>
            </a:xfrm>
            <a:custGeom>
              <a:avLst/>
              <a:gdLst/>
              <a:ahLst/>
              <a:cxnLst/>
              <a:rect l="l" t="t" r="r" b="b"/>
              <a:pathLst>
                <a:path w="571" h="515" extrusionOk="0">
                  <a:moveTo>
                    <a:pt x="286" y="0"/>
                  </a:moveTo>
                  <a:cubicBezTo>
                    <a:pt x="264" y="0"/>
                    <a:pt x="241" y="3"/>
                    <a:pt x="219" y="9"/>
                  </a:cubicBezTo>
                  <a:cubicBezTo>
                    <a:pt x="82" y="46"/>
                    <a:pt x="1" y="186"/>
                    <a:pt x="38" y="324"/>
                  </a:cubicBezTo>
                  <a:cubicBezTo>
                    <a:pt x="68" y="439"/>
                    <a:pt x="172" y="514"/>
                    <a:pt x="286" y="514"/>
                  </a:cubicBezTo>
                  <a:cubicBezTo>
                    <a:pt x="307" y="514"/>
                    <a:pt x="330" y="511"/>
                    <a:pt x="352" y="506"/>
                  </a:cubicBezTo>
                  <a:cubicBezTo>
                    <a:pt x="489" y="468"/>
                    <a:pt x="570" y="328"/>
                    <a:pt x="534" y="190"/>
                  </a:cubicBezTo>
                  <a:cubicBezTo>
                    <a:pt x="503" y="76"/>
                    <a:pt x="399" y="0"/>
                    <a:pt x="286"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59" name="Google Shape;659;p28"/>
            <p:cNvSpPr/>
            <p:nvPr/>
          </p:nvSpPr>
          <p:spPr>
            <a:xfrm flipH="1">
              <a:off x="7675318" y="2146792"/>
              <a:ext cx="36036" cy="32503"/>
            </a:xfrm>
            <a:custGeom>
              <a:avLst/>
              <a:gdLst/>
              <a:ahLst/>
              <a:cxnLst/>
              <a:rect l="l" t="t" r="r" b="b"/>
              <a:pathLst>
                <a:path w="571" h="515" extrusionOk="0">
                  <a:moveTo>
                    <a:pt x="287" y="0"/>
                  </a:moveTo>
                  <a:cubicBezTo>
                    <a:pt x="265" y="0"/>
                    <a:pt x="242" y="3"/>
                    <a:pt x="220" y="9"/>
                  </a:cubicBezTo>
                  <a:cubicBezTo>
                    <a:pt x="83" y="46"/>
                    <a:pt x="1" y="187"/>
                    <a:pt x="38" y="324"/>
                  </a:cubicBezTo>
                  <a:cubicBezTo>
                    <a:pt x="68" y="439"/>
                    <a:pt x="172" y="515"/>
                    <a:pt x="285" y="515"/>
                  </a:cubicBezTo>
                  <a:cubicBezTo>
                    <a:pt x="308" y="515"/>
                    <a:pt x="330" y="512"/>
                    <a:pt x="352" y="506"/>
                  </a:cubicBezTo>
                  <a:cubicBezTo>
                    <a:pt x="490" y="469"/>
                    <a:pt x="570" y="328"/>
                    <a:pt x="534" y="191"/>
                  </a:cubicBezTo>
                  <a:cubicBezTo>
                    <a:pt x="503" y="76"/>
                    <a:pt x="400" y="0"/>
                    <a:pt x="287"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60" name="Google Shape;660;p28"/>
            <p:cNvSpPr/>
            <p:nvPr/>
          </p:nvSpPr>
          <p:spPr>
            <a:xfrm flipH="1">
              <a:off x="7719180" y="2158531"/>
              <a:ext cx="36036" cy="32503"/>
            </a:xfrm>
            <a:custGeom>
              <a:avLst/>
              <a:gdLst/>
              <a:ahLst/>
              <a:cxnLst/>
              <a:rect l="l" t="t" r="r" b="b"/>
              <a:pathLst>
                <a:path w="571" h="515" extrusionOk="0">
                  <a:moveTo>
                    <a:pt x="285" y="1"/>
                  </a:moveTo>
                  <a:cubicBezTo>
                    <a:pt x="264" y="1"/>
                    <a:pt x="241" y="4"/>
                    <a:pt x="219" y="9"/>
                  </a:cubicBezTo>
                  <a:cubicBezTo>
                    <a:pt x="82" y="47"/>
                    <a:pt x="0" y="187"/>
                    <a:pt x="37" y="325"/>
                  </a:cubicBezTo>
                  <a:cubicBezTo>
                    <a:pt x="68" y="439"/>
                    <a:pt x="172" y="515"/>
                    <a:pt x="285" y="515"/>
                  </a:cubicBezTo>
                  <a:cubicBezTo>
                    <a:pt x="307" y="515"/>
                    <a:pt x="329" y="512"/>
                    <a:pt x="352" y="506"/>
                  </a:cubicBezTo>
                  <a:cubicBezTo>
                    <a:pt x="489" y="469"/>
                    <a:pt x="571" y="328"/>
                    <a:pt x="534" y="191"/>
                  </a:cubicBezTo>
                  <a:cubicBezTo>
                    <a:pt x="503" y="76"/>
                    <a:pt x="399" y="1"/>
                    <a:pt x="285"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61" name="Google Shape;661;p28"/>
            <p:cNvSpPr/>
            <p:nvPr/>
          </p:nvSpPr>
          <p:spPr>
            <a:xfrm flipH="1">
              <a:off x="7643069" y="2091505"/>
              <a:ext cx="36036" cy="32503"/>
            </a:xfrm>
            <a:custGeom>
              <a:avLst/>
              <a:gdLst/>
              <a:ahLst/>
              <a:cxnLst/>
              <a:rect l="l" t="t" r="r" b="b"/>
              <a:pathLst>
                <a:path w="571" h="515" extrusionOk="0">
                  <a:moveTo>
                    <a:pt x="286" y="0"/>
                  </a:moveTo>
                  <a:cubicBezTo>
                    <a:pt x="264" y="0"/>
                    <a:pt x="242" y="3"/>
                    <a:pt x="220" y="9"/>
                  </a:cubicBezTo>
                  <a:cubicBezTo>
                    <a:pt x="82" y="46"/>
                    <a:pt x="0" y="187"/>
                    <a:pt x="38" y="324"/>
                  </a:cubicBezTo>
                  <a:cubicBezTo>
                    <a:pt x="68" y="438"/>
                    <a:pt x="172" y="514"/>
                    <a:pt x="285" y="514"/>
                  </a:cubicBezTo>
                  <a:cubicBezTo>
                    <a:pt x="307" y="514"/>
                    <a:pt x="330" y="511"/>
                    <a:pt x="352" y="505"/>
                  </a:cubicBezTo>
                  <a:cubicBezTo>
                    <a:pt x="489" y="469"/>
                    <a:pt x="570" y="328"/>
                    <a:pt x="534" y="191"/>
                  </a:cubicBezTo>
                  <a:cubicBezTo>
                    <a:pt x="503" y="76"/>
                    <a:pt x="399" y="0"/>
                    <a:pt x="286"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62" name="Google Shape;662;p28"/>
            <p:cNvSpPr/>
            <p:nvPr/>
          </p:nvSpPr>
          <p:spPr>
            <a:xfrm flipH="1">
              <a:off x="7686931" y="2103244"/>
              <a:ext cx="36099" cy="32503"/>
            </a:xfrm>
            <a:custGeom>
              <a:avLst/>
              <a:gdLst/>
              <a:ahLst/>
              <a:cxnLst/>
              <a:rect l="l" t="t" r="r" b="b"/>
              <a:pathLst>
                <a:path w="572" h="515" extrusionOk="0">
                  <a:moveTo>
                    <a:pt x="286" y="0"/>
                  </a:moveTo>
                  <a:cubicBezTo>
                    <a:pt x="264" y="0"/>
                    <a:pt x="242" y="3"/>
                    <a:pt x="220" y="9"/>
                  </a:cubicBezTo>
                  <a:cubicBezTo>
                    <a:pt x="82" y="46"/>
                    <a:pt x="1" y="187"/>
                    <a:pt x="38" y="324"/>
                  </a:cubicBezTo>
                  <a:cubicBezTo>
                    <a:pt x="68" y="439"/>
                    <a:pt x="173" y="515"/>
                    <a:pt x="287" y="515"/>
                  </a:cubicBezTo>
                  <a:cubicBezTo>
                    <a:pt x="308" y="515"/>
                    <a:pt x="330" y="512"/>
                    <a:pt x="352" y="506"/>
                  </a:cubicBezTo>
                  <a:cubicBezTo>
                    <a:pt x="490" y="469"/>
                    <a:pt x="571" y="328"/>
                    <a:pt x="534" y="191"/>
                  </a:cubicBezTo>
                  <a:cubicBezTo>
                    <a:pt x="504" y="76"/>
                    <a:pt x="399" y="0"/>
                    <a:pt x="286"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63" name="Google Shape;663;p28"/>
            <p:cNvSpPr/>
            <p:nvPr/>
          </p:nvSpPr>
          <p:spPr>
            <a:xfrm flipH="1">
              <a:off x="7730855" y="2115046"/>
              <a:ext cx="35973" cy="32440"/>
            </a:xfrm>
            <a:custGeom>
              <a:avLst/>
              <a:gdLst/>
              <a:ahLst/>
              <a:cxnLst/>
              <a:rect l="l" t="t" r="r" b="b"/>
              <a:pathLst>
                <a:path w="570" h="514" extrusionOk="0">
                  <a:moveTo>
                    <a:pt x="285" y="0"/>
                  </a:moveTo>
                  <a:cubicBezTo>
                    <a:pt x="263" y="0"/>
                    <a:pt x="241" y="3"/>
                    <a:pt x="218" y="9"/>
                  </a:cubicBezTo>
                  <a:cubicBezTo>
                    <a:pt x="81" y="45"/>
                    <a:pt x="0" y="187"/>
                    <a:pt x="36" y="323"/>
                  </a:cubicBezTo>
                  <a:cubicBezTo>
                    <a:pt x="68" y="439"/>
                    <a:pt x="171" y="514"/>
                    <a:pt x="285" y="514"/>
                  </a:cubicBezTo>
                  <a:cubicBezTo>
                    <a:pt x="306" y="514"/>
                    <a:pt x="329" y="511"/>
                    <a:pt x="351" y="505"/>
                  </a:cubicBezTo>
                  <a:cubicBezTo>
                    <a:pt x="488" y="468"/>
                    <a:pt x="570" y="327"/>
                    <a:pt x="533" y="191"/>
                  </a:cubicBezTo>
                  <a:cubicBezTo>
                    <a:pt x="502" y="76"/>
                    <a:pt x="398" y="0"/>
                    <a:pt x="285"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64" name="Google Shape;664;p28"/>
            <p:cNvSpPr/>
            <p:nvPr/>
          </p:nvSpPr>
          <p:spPr>
            <a:xfrm flipH="1">
              <a:off x="7654681" y="2047958"/>
              <a:ext cx="36099" cy="32503"/>
            </a:xfrm>
            <a:custGeom>
              <a:avLst/>
              <a:gdLst/>
              <a:ahLst/>
              <a:cxnLst/>
              <a:rect l="l" t="t" r="r" b="b"/>
              <a:pathLst>
                <a:path w="572" h="515" extrusionOk="0">
                  <a:moveTo>
                    <a:pt x="287" y="0"/>
                  </a:moveTo>
                  <a:cubicBezTo>
                    <a:pt x="264" y="0"/>
                    <a:pt x="242" y="3"/>
                    <a:pt x="220" y="9"/>
                  </a:cubicBezTo>
                  <a:cubicBezTo>
                    <a:pt x="82" y="46"/>
                    <a:pt x="0" y="187"/>
                    <a:pt x="38" y="324"/>
                  </a:cubicBezTo>
                  <a:cubicBezTo>
                    <a:pt x="68" y="439"/>
                    <a:pt x="172" y="514"/>
                    <a:pt x="286" y="514"/>
                  </a:cubicBezTo>
                  <a:cubicBezTo>
                    <a:pt x="308" y="514"/>
                    <a:pt x="330" y="511"/>
                    <a:pt x="352" y="506"/>
                  </a:cubicBezTo>
                  <a:cubicBezTo>
                    <a:pt x="489" y="468"/>
                    <a:pt x="571" y="328"/>
                    <a:pt x="534" y="191"/>
                  </a:cubicBezTo>
                  <a:cubicBezTo>
                    <a:pt x="504" y="76"/>
                    <a:pt x="400" y="0"/>
                    <a:pt x="287"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65" name="Google Shape;665;p28"/>
            <p:cNvSpPr/>
            <p:nvPr/>
          </p:nvSpPr>
          <p:spPr>
            <a:xfrm flipH="1">
              <a:off x="7698606" y="2059697"/>
              <a:ext cx="36036" cy="32503"/>
            </a:xfrm>
            <a:custGeom>
              <a:avLst/>
              <a:gdLst/>
              <a:ahLst/>
              <a:cxnLst/>
              <a:rect l="l" t="t" r="r" b="b"/>
              <a:pathLst>
                <a:path w="571" h="515" extrusionOk="0">
                  <a:moveTo>
                    <a:pt x="286" y="0"/>
                  </a:moveTo>
                  <a:cubicBezTo>
                    <a:pt x="264" y="0"/>
                    <a:pt x="241" y="3"/>
                    <a:pt x="219" y="9"/>
                  </a:cubicBezTo>
                  <a:cubicBezTo>
                    <a:pt x="81" y="46"/>
                    <a:pt x="1" y="187"/>
                    <a:pt x="37" y="324"/>
                  </a:cubicBezTo>
                  <a:cubicBezTo>
                    <a:pt x="68" y="439"/>
                    <a:pt x="172" y="515"/>
                    <a:pt x="284" y="515"/>
                  </a:cubicBezTo>
                  <a:cubicBezTo>
                    <a:pt x="306" y="515"/>
                    <a:pt x="329" y="512"/>
                    <a:pt x="351" y="506"/>
                  </a:cubicBezTo>
                  <a:cubicBezTo>
                    <a:pt x="489" y="469"/>
                    <a:pt x="570" y="328"/>
                    <a:pt x="533" y="191"/>
                  </a:cubicBezTo>
                  <a:cubicBezTo>
                    <a:pt x="503" y="76"/>
                    <a:pt x="399" y="0"/>
                    <a:pt x="286"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66" name="Google Shape;666;p28"/>
            <p:cNvSpPr/>
            <p:nvPr/>
          </p:nvSpPr>
          <p:spPr>
            <a:xfrm flipH="1">
              <a:off x="7742530" y="2071436"/>
              <a:ext cx="35973" cy="32503"/>
            </a:xfrm>
            <a:custGeom>
              <a:avLst/>
              <a:gdLst/>
              <a:ahLst/>
              <a:cxnLst/>
              <a:rect l="l" t="t" r="r" b="b"/>
              <a:pathLst>
                <a:path w="570" h="515" extrusionOk="0">
                  <a:moveTo>
                    <a:pt x="285" y="1"/>
                  </a:moveTo>
                  <a:cubicBezTo>
                    <a:pt x="263" y="1"/>
                    <a:pt x="240" y="4"/>
                    <a:pt x="218" y="10"/>
                  </a:cubicBezTo>
                  <a:cubicBezTo>
                    <a:pt x="82" y="47"/>
                    <a:pt x="0" y="187"/>
                    <a:pt x="36" y="325"/>
                  </a:cubicBezTo>
                  <a:cubicBezTo>
                    <a:pt x="67" y="439"/>
                    <a:pt x="171" y="515"/>
                    <a:pt x="284" y="515"/>
                  </a:cubicBezTo>
                  <a:cubicBezTo>
                    <a:pt x="307" y="515"/>
                    <a:pt x="329" y="512"/>
                    <a:pt x="352" y="506"/>
                  </a:cubicBezTo>
                  <a:cubicBezTo>
                    <a:pt x="488" y="469"/>
                    <a:pt x="570" y="329"/>
                    <a:pt x="533" y="191"/>
                  </a:cubicBezTo>
                  <a:cubicBezTo>
                    <a:pt x="502" y="76"/>
                    <a:pt x="398" y="1"/>
                    <a:pt x="285"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67" name="Google Shape;667;p28"/>
            <p:cNvSpPr/>
            <p:nvPr/>
          </p:nvSpPr>
          <p:spPr>
            <a:xfrm flipH="1">
              <a:off x="7666357" y="2004410"/>
              <a:ext cx="36036" cy="32503"/>
            </a:xfrm>
            <a:custGeom>
              <a:avLst/>
              <a:gdLst/>
              <a:ahLst/>
              <a:cxnLst/>
              <a:rect l="l" t="t" r="r" b="b"/>
              <a:pathLst>
                <a:path w="571" h="515" extrusionOk="0">
                  <a:moveTo>
                    <a:pt x="284" y="0"/>
                  </a:moveTo>
                  <a:cubicBezTo>
                    <a:pt x="262" y="0"/>
                    <a:pt x="240" y="3"/>
                    <a:pt x="219" y="9"/>
                  </a:cubicBezTo>
                  <a:cubicBezTo>
                    <a:pt x="81" y="46"/>
                    <a:pt x="0" y="187"/>
                    <a:pt x="37" y="324"/>
                  </a:cubicBezTo>
                  <a:cubicBezTo>
                    <a:pt x="68" y="438"/>
                    <a:pt x="171" y="514"/>
                    <a:pt x="285" y="514"/>
                  </a:cubicBezTo>
                  <a:cubicBezTo>
                    <a:pt x="307" y="514"/>
                    <a:pt x="329" y="511"/>
                    <a:pt x="352" y="505"/>
                  </a:cubicBezTo>
                  <a:cubicBezTo>
                    <a:pt x="488" y="469"/>
                    <a:pt x="570" y="328"/>
                    <a:pt x="533" y="191"/>
                  </a:cubicBezTo>
                  <a:cubicBezTo>
                    <a:pt x="502" y="76"/>
                    <a:pt x="398" y="0"/>
                    <a:pt x="284"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68" name="Google Shape;668;p28"/>
            <p:cNvSpPr/>
            <p:nvPr/>
          </p:nvSpPr>
          <p:spPr>
            <a:xfrm flipH="1">
              <a:off x="7710281" y="2016149"/>
              <a:ext cx="36036" cy="32503"/>
            </a:xfrm>
            <a:custGeom>
              <a:avLst/>
              <a:gdLst/>
              <a:ahLst/>
              <a:cxnLst/>
              <a:rect l="l" t="t" r="r" b="b"/>
              <a:pathLst>
                <a:path w="571" h="515" extrusionOk="0">
                  <a:moveTo>
                    <a:pt x="286" y="1"/>
                  </a:moveTo>
                  <a:cubicBezTo>
                    <a:pt x="264" y="1"/>
                    <a:pt x="241" y="4"/>
                    <a:pt x="219" y="10"/>
                  </a:cubicBezTo>
                  <a:cubicBezTo>
                    <a:pt x="81" y="46"/>
                    <a:pt x="1" y="187"/>
                    <a:pt x="37" y="324"/>
                  </a:cubicBezTo>
                  <a:cubicBezTo>
                    <a:pt x="68" y="439"/>
                    <a:pt x="172" y="515"/>
                    <a:pt x="286" y="515"/>
                  </a:cubicBezTo>
                  <a:cubicBezTo>
                    <a:pt x="308" y="515"/>
                    <a:pt x="330" y="512"/>
                    <a:pt x="352" y="506"/>
                  </a:cubicBezTo>
                  <a:cubicBezTo>
                    <a:pt x="489" y="469"/>
                    <a:pt x="570" y="328"/>
                    <a:pt x="533" y="191"/>
                  </a:cubicBezTo>
                  <a:cubicBezTo>
                    <a:pt x="503" y="77"/>
                    <a:pt x="400" y="1"/>
                    <a:pt x="286"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69" name="Google Shape;669;p28"/>
            <p:cNvSpPr/>
            <p:nvPr/>
          </p:nvSpPr>
          <p:spPr>
            <a:xfrm flipH="1">
              <a:off x="7754206" y="2027951"/>
              <a:ext cx="35973" cy="32440"/>
            </a:xfrm>
            <a:custGeom>
              <a:avLst/>
              <a:gdLst/>
              <a:ahLst/>
              <a:cxnLst/>
              <a:rect l="l" t="t" r="r" b="b"/>
              <a:pathLst>
                <a:path w="570" h="514" extrusionOk="0">
                  <a:moveTo>
                    <a:pt x="286" y="0"/>
                  </a:moveTo>
                  <a:cubicBezTo>
                    <a:pt x="263" y="0"/>
                    <a:pt x="241" y="3"/>
                    <a:pt x="218" y="9"/>
                  </a:cubicBezTo>
                  <a:cubicBezTo>
                    <a:pt x="82" y="45"/>
                    <a:pt x="0" y="187"/>
                    <a:pt x="36" y="323"/>
                  </a:cubicBezTo>
                  <a:cubicBezTo>
                    <a:pt x="68" y="439"/>
                    <a:pt x="171" y="514"/>
                    <a:pt x="285" y="514"/>
                  </a:cubicBezTo>
                  <a:cubicBezTo>
                    <a:pt x="307" y="514"/>
                    <a:pt x="329" y="511"/>
                    <a:pt x="352" y="505"/>
                  </a:cubicBezTo>
                  <a:cubicBezTo>
                    <a:pt x="488" y="468"/>
                    <a:pt x="570" y="327"/>
                    <a:pt x="534" y="191"/>
                  </a:cubicBezTo>
                  <a:cubicBezTo>
                    <a:pt x="502" y="76"/>
                    <a:pt x="399" y="0"/>
                    <a:pt x="286"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70" name="Google Shape;670;p28"/>
            <p:cNvSpPr/>
            <p:nvPr/>
          </p:nvSpPr>
          <p:spPr>
            <a:xfrm flipH="1">
              <a:off x="7678095" y="1960862"/>
              <a:ext cx="35973" cy="32503"/>
            </a:xfrm>
            <a:custGeom>
              <a:avLst/>
              <a:gdLst/>
              <a:ahLst/>
              <a:cxnLst/>
              <a:rect l="l" t="t" r="r" b="b"/>
              <a:pathLst>
                <a:path w="570" h="515" extrusionOk="0">
                  <a:moveTo>
                    <a:pt x="286" y="0"/>
                  </a:moveTo>
                  <a:cubicBezTo>
                    <a:pt x="264" y="0"/>
                    <a:pt x="241" y="3"/>
                    <a:pt x="219" y="9"/>
                  </a:cubicBezTo>
                  <a:cubicBezTo>
                    <a:pt x="81" y="46"/>
                    <a:pt x="0" y="187"/>
                    <a:pt x="37" y="324"/>
                  </a:cubicBezTo>
                  <a:cubicBezTo>
                    <a:pt x="68" y="439"/>
                    <a:pt x="172" y="514"/>
                    <a:pt x="285" y="514"/>
                  </a:cubicBezTo>
                  <a:cubicBezTo>
                    <a:pt x="307" y="514"/>
                    <a:pt x="330" y="511"/>
                    <a:pt x="352" y="506"/>
                  </a:cubicBezTo>
                  <a:cubicBezTo>
                    <a:pt x="488" y="468"/>
                    <a:pt x="570" y="328"/>
                    <a:pt x="533" y="191"/>
                  </a:cubicBezTo>
                  <a:cubicBezTo>
                    <a:pt x="503" y="76"/>
                    <a:pt x="399" y="0"/>
                    <a:pt x="286"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71" name="Google Shape;671;p28"/>
            <p:cNvSpPr/>
            <p:nvPr/>
          </p:nvSpPr>
          <p:spPr>
            <a:xfrm flipH="1">
              <a:off x="7721957" y="1972601"/>
              <a:ext cx="36036" cy="32503"/>
            </a:xfrm>
            <a:custGeom>
              <a:avLst/>
              <a:gdLst/>
              <a:ahLst/>
              <a:cxnLst/>
              <a:rect l="l" t="t" r="r" b="b"/>
              <a:pathLst>
                <a:path w="571" h="515" extrusionOk="0">
                  <a:moveTo>
                    <a:pt x="285" y="1"/>
                  </a:moveTo>
                  <a:cubicBezTo>
                    <a:pt x="263" y="1"/>
                    <a:pt x="241" y="4"/>
                    <a:pt x="219" y="9"/>
                  </a:cubicBezTo>
                  <a:cubicBezTo>
                    <a:pt x="82" y="47"/>
                    <a:pt x="1" y="187"/>
                    <a:pt x="37" y="325"/>
                  </a:cubicBezTo>
                  <a:cubicBezTo>
                    <a:pt x="68" y="439"/>
                    <a:pt x="171" y="515"/>
                    <a:pt x="285" y="515"/>
                  </a:cubicBezTo>
                  <a:cubicBezTo>
                    <a:pt x="307" y="515"/>
                    <a:pt x="330" y="512"/>
                    <a:pt x="352" y="506"/>
                  </a:cubicBezTo>
                  <a:cubicBezTo>
                    <a:pt x="489" y="469"/>
                    <a:pt x="570" y="329"/>
                    <a:pt x="534" y="191"/>
                  </a:cubicBezTo>
                  <a:cubicBezTo>
                    <a:pt x="503" y="76"/>
                    <a:pt x="399" y="1"/>
                    <a:pt x="285"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72" name="Google Shape;672;p28"/>
            <p:cNvSpPr/>
            <p:nvPr/>
          </p:nvSpPr>
          <p:spPr>
            <a:xfrm flipH="1">
              <a:off x="7765881" y="1984340"/>
              <a:ext cx="35973" cy="32566"/>
            </a:xfrm>
            <a:custGeom>
              <a:avLst/>
              <a:gdLst/>
              <a:ahLst/>
              <a:cxnLst/>
              <a:rect l="l" t="t" r="r" b="b"/>
              <a:pathLst>
                <a:path w="570" h="516" extrusionOk="0">
                  <a:moveTo>
                    <a:pt x="284" y="1"/>
                  </a:moveTo>
                  <a:cubicBezTo>
                    <a:pt x="262" y="1"/>
                    <a:pt x="240" y="4"/>
                    <a:pt x="218" y="10"/>
                  </a:cubicBezTo>
                  <a:cubicBezTo>
                    <a:pt x="82" y="47"/>
                    <a:pt x="0" y="187"/>
                    <a:pt x="37" y="325"/>
                  </a:cubicBezTo>
                  <a:cubicBezTo>
                    <a:pt x="68" y="439"/>
                    <a:pt x="172" y="515"/>
                    <a:pt x="286" y="515"/>
                  </a:cubicBezTo>
                  <a:cubicBezTo>
                    <a:pt x="307" y="515"/>
                    <a:pt x="330" y="513"/>
                    <a:pt x="352" y="507"/>
                  </a:cubicBezTo>
                  <a:cubicBezTo>
                    <a:pt x="489" y="470"/>
                    <a:pt x="570" y="329"/>
                    <a:pt x="533" y="191"/>
                  </a:cubicBezTo>
                  <a:cubicBezTo>
                    <a:pt x="502" y="77"/>
                    <a:pt x="398" y="1"/>
                    <a:pt x="284"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73" name="Google Shape;673;p28"/>
            <p:cNvSpPr/>
            <p:nvPr/>
          </p:nvSpPr>
          <p:spPr>
            <a:xfrm flipH="1">
              <a:off x="9433058" y="1180540"/>
              <a:ext cx="141366" cy="275171"/>
            </a:xfrm>
            <a:custGeom>
              <a:avLst/>
              <a:gdLst/>
              <a:ahLst/>
              <a:cxnLst/>
              <a:rect l="l" t="t" r="r" b="b"/>
              <a:pathLst>
                <a:path w="2240" h="4360" extrusionOk="0">
                  <a:moveTo>
                    <a:pt x="1003" y="0"/>
                  </a:moveTo>
                  <a:lnTo>
                    <a:pt x="1" y="2695"/>
                  </a:lnTo>
                  <a:lnTo>
                    <a:pt x="1111" y="2178"/>
                  </a:lnTo>
                  <a:lnTo>
                    <a:pt x="335" y="4359"/>
                  </a:lnTo>
                  <a:lnTo>
                    <a:pt x="2240" y="1479"/>
                  </a:lnTo>
                  <a:lnTo>
                    <a:pt x="819" y="1812"/>
                  </a:lnTo>
                  <a:lnTo>
                    <a:pt x="2057"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74" name="Google Shape;674;p28"/>
            <p:cNvSpPr/>
            <p:nvPr/>
          </p:nvSpPr>
          <p:spPr>
            <a:xfrm flipH="1">
              <a:off x="8545227" y="2585739"/>
              <a:ext cx="261023" cy="1176985"/>
            </a:xfrm>
            <a:custGeom>
              <a:avLst/>
              <a:gdLst/>
              <a:ahLst/>
              <a:cxnLst/>
              <a:rect l="l" t="t" r="r" b="b"/>
              <a:pathLst>
                <a:path w="4136" h="18649" extrusionOk="0">
                  <a:moveTo>
                    <a:pt x="821" y="1"/>
                  </a:moveTo>
                  <a:cubicBezTo>
                    <a:pt x="1" y="1049"/>
                    <a:pt x="751" y="3548"/>
                    <a:pt x="945" y="5622"/>
                  </a:cubicBezTo>
                  <a:cubicBezTo>
                    <a:pt x="1198" y="8318"/>
                    <a:pt x="1589" y="17654"/>
                    <a:pt x="3136" y="18414"/>
                  </a:cubicBezTo>
                  <a:cubicBezTo>
                    <a:pt x="3307" y="18497"/>
                    <a:pt x="3491" y="18576"/>
                    <a:pt x="3681" y="18648"/>
                  </a:cubicBezTo>
                  <a:lnTo>
                    <a:pt x="4135" y="18648"/>
                  </a:lnTo>
                  <a:lnTo>
                    <a:pt x="4135" y="1"/>
                  </a:ln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75" name="Google Shape;675;p28"/>
            <p:cNvSpPr/>
            <p:nvPr/>
          </p:nvSpPr>
          <p:spPr>
            <a:xfrm flipH="1">
              <a:off x="8545227" y="1204396"/>
              <a:ext cx="268218" cy="265325"/>
            </a:xfrm>
            <a:custGeom>
              <a:avLst/>
              <a:gdLst/>
              <a:ahLst/>
              <a:cxnLst/>
              <a:rect l="l" t="t" r="r" b="b"/>
              <a:pathLst>
                <a:path w="4250" h="4204" extrusionOk="0">
                  <a:moveTo>
                    <a:pt x="4249" y="1"/>
                  </a:moveTo>
                  <a:cubicBezTo>
                    <a:pt x="2710" y="484"/>
                    <a:pt x="362" y="1386"/>
                    <a:pt x="143" y="2450"/>
                  </a:cubicBezTo>
                  <a:cubicBezTo>
                    <a:pt x="1" y="3142"/>
                    <a:pt x="332" y="3743"/>
                    <a:pt x="752" y="4204"/>
                  </a:cubicBezTo>
                  <a:lnTo>
                    <a:pt x="4249" y="4204"/>
                  </a:lnTo>
                  <a:lnTo>
                    <a:pt x="4249" y="1"/>
                  </a:ln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76" name="Google Shape;676;p28"/>
            <p:cNvSpPr/>
            <p:nvPr/>
          </p:nvSpPr>
          <p:spPr>
            <a:xfrm flipH="1">
              <a:off x="8386884" y="3812709"/>
              <a:ext cx="397909" cy="563847"/>
            </a:xfrm>
            <a:custGeom>
              <a:avLst/>
              <a:gdLst/>
              <a:ahLst/>
              <a:cxnLst/>
              <a:rect l="l" t="t" r="r" b="b"/>
              <a:pathLst>
                <a:path w="6305" h="8934" extrusionOk="0">
                  <a:moveTo>
                    <a:pt x="3708" y="0"/>
                  </a:moveTo>
                  <a:cubicBezTo>
                    <a:pt x="3742" y="0"/>
                    <a:pt x="3775" y="1"/>
                    <a:pt x="3808" y="2"/>
                  </a:cubicBezTo>
                  <a:lnTo>
                    <a:pt x="3808" y="2"/>
                  </a:lnTo>
                  <a:cubicBezTo>
                    <a:pt x="3808" y="1"/>
                    <a:pt x="3808" y="1"/>
                    <a:pt x="3808" y="0"/>
                  </a:cubicBezTo>
                  <a:close/>
                  <a:moveTo>
                    <a:pt x="3808" y="2"/>
                  </a:moveTo>
                  <a:cubicBezTo>
                    <a:pt x="3992" y="873"/>
                    <a:pt x="0" y="1244"/>
                    <a:pt x="803" y="1533"/>
                  </a:cubicBezTo>
                  <a:cubicBezTo>
                    <a:pt x="1145" y="1657"/>
                    <a:pt x="1507" y="1692"/>
                    <a:pt x="1874" y="1692"/>
                  </a:cubicBezTo>
                  <a:cubicBezTo>
                    <a:pt x="2360" y="1692"/>
                    <a:pt x="2853" y="1630"/>
                    <a:pt x="3315" y="1630"/>
                  </a:cubicBezTo>
                  <a:cubicBezTo>
                    <a:pt x="4239" y="1630"/>
                    <a:pt x="5035" y="1880"/>
                    <a:pt x="5392" y="3378"/>
                  </a:cubicBezTo>
                  <a:cubicBezTo>
                    <a:pt x="6042" y="6102"/>
                    <a:pt x="4591" y="8759"/>
                    <a:pt x="6304" y="8933"/>
                  </a:cubicBezTo>
                  <a:lnTo>
                    <a:pt x="6304" y="2596"/>
                  </a:lnTo>
                  <a:cubicBezTo>
                    <a:pt x="6304" y="1195"/>
                    <a:pt x="5196" y="54"/>
                    <a:pt x="3808" y="2"/>
                  </a:cubicBez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77" name="Google Shape;677;p28"/>
            <p:cNvSpPr/>
            <p:nvPr/>
          </p:nvSpPr>
          <p:spPr>
            <a:xfrm flipH="1">
              <a:off x="8922435" y="3522329"/>
              <a:ext cx="18239" cy="94795"/>
            </a:xfrm>
            <a:custGeom>
              <a:avLst/>
              <a:gdLst/>
              <a:ahLst/>
              <a:cxnLst/>
              <a:rect l="l" t="t" r="r" b="b"/>
              <a:pathLst>
                <a:path w="289" h="1502" extrusionOk="0">
                  <a:moveTo>
                    <a:pt x="0" y="0"/>
                  </a:moveTo>
                  <a:lnTo>
                    <a:pt x="0" y="1501"/>
                  </a:lnTo>
                  <a:lnTo>
                    <a:pt x="289" y="1501"/>
                  </a:lnTo>
                  <a:lnTo>
                    <a:pt x="2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78" name="Google Shape;678;p28"/>
            <p:cNvSpPr/>
            <p:nvPr/>
          </p:nvSpPr>
          <p:spPr>
            <a:xfrm flipH="1">
              <a:off x="8885453" y="3522329"/>
              <a:ext cx="18239" cy="94795"/>
            </a:xfrm>
            <a:custGeom>
              <a:avLst/>
              <a:gdLst/>
              <a:ahLst/>
              <a:cxnLst/>
              <a:rect l="l" t="t" r="r" b="b"/>
              <a:pathLst>
                <a:path w="289" h="1502" extrusionOk="0">
                  <a:moveTo>
                    <a:pt x="0" y="0"/>
                  </a:moveTo>
                  <a:lnTo>
                    <a:pt x="0" y="1501"/>
                  </a:lnTo>
                  <a:lnTo>
                    <a:pt x="289" y="1501"/>
                  </a:lnTo>
                  <a:lnTo>
                    <a:pt x="2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79" name="Google Shape;679;p28"/>
            <p:cNvSpPr/>
            <p:nvPr/>
          </p:nvSpPr>
          <p:spPr>
            <a:xfrm flipH="1">
              <a:off x="8848470" y="3522329"/>
              <a:ext cx="18239" cy="94795"/>
            </a:xfrm>
            <a:custGeom>
              <a:avLst/>
              <a:gdLst/>
              <a:ahLst/>
              <a:cxnLst/>
              <a:rect l="l" t="t" r="r" b="b"/>
              <a:pathLst>
                <a:path w="289" h="1502" extrusionOk="0">
                  <a:moveTo>
                    <a:pt x="0" y="0"/>
                  </a:moveTo>
                  <a:lnTo>
                    <a:pt x="0" y="1501"/>
                  </a:lnTo>
                  <a:lnTo>
                    <a:pt x="289" y="1501"/>
                  </a:lnTo>
                  <a:lnTo>
                    <a:pt x="2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80" name="Google Shape;680;p28"/>
            <p:cNvSpPr/>
            <p:nvPr/>
          </p:nvSpPr>
          <p:spPr>
            <a:xfrm flipH="1">
              <a:off x="8811488" y="3522329"/>
              <a:ext cx="18239" cy="94795"/>
            </a:xfrm>
            <a:custGeom>
              <a:avLst/>
              <a:gdLst/>
              <a:ahLst/>
              <a:cxnLst/>
              <a:rect l="l" t="t" r="r" b="b"/>
              <a:pathLst>
                <a:path w="289" h="1502" extrusionOk="0">
                  <a:moveTo>
                    <a:pt x="0" y="0"/>
                  </a:moveTo>
                  <a:lnTo>
                    <a:pt x="0" y="1501"/>
                  </a:lnTo>
                  <a:lnTo>
                    <a:pt x="289" y="1501"/>
                  </a:lnTo>
                  <a:lnTo>
                    <a:pt x="2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81" name="Google Shape;681;p28"/>
            <p:cNvSpPr/>
            <p:nvPr/>
          </p:nvSpPr>
          <p:spPr>
            <a:xfrm flipH="1">
              <a:off x="8774442" y="3522329"/>
              <a:ext cx="18302" cy="94795"/>
            </a:xfrm>
            <a:custGeom>
              <a:avLst/>
              <a:gdLst/>
              <a:ahLst/>
              <a:cxnLst/>
              <a:rect l="l" t="t" r="r" b="b"/>
              <a:pathLst>
                <a:path w="290" h="1502" extrusionOk="0">
                  <a:moveTo>
                    <a:pt x="1" y="0"/>
                  </a:moveTo>
                  <a:lnTo>
                    <a:pt x="1" y="1501"/>
                  </a:lnTo>
                  <a:lnTo>
                    <a:pt x="290" y="1501"/>
                  </a:lnTo>
                  <a:lnTo>
                    <a:pt x="290"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82" name="Google Shape;682;p28"/>
            <p:cNvSpPr/>
            <p:nvPr/>
          </p:nvSpPr>
          <p:spPr>
            <a:xfrm flipH="1">
              <a:off x="8737396" y="3522329"/>
              <a:ext cx="18302" cy="94795"/>
            </a:xfrm>
            <a:custGeom>
              <a:avLst/>
              <a:gdLst/>
              <a:ahLst/>
              <a:cxnLst/>
              <a:rect l="l" t="t" r="r" b="b"/>
              <a:pathLst>
                <a:path w="290" h="1502" extrusionOk="0">
                  <a:moveTo>
                    <a:pt x="1" y="0"/>
                  </a:moveTo>
                  <a:lnTo>
                    <a:pt x="1" y="1501"/>
                  </a:lnTo>
                  <a:lnTo>
                    <a:pt x="289" y="1501"/>
                  </a:lnTo>
                  <a:lnTo>
                    <a:pt x="2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83" name="Google Shape;683;p28"/>
            <p:cNvSpPr/>
            <p:nvPr/>
          </p:nvSpPr>
          <p:spPr>
            <a:xfrm flipH="1">
              <a:off x="8700414" y="3522329"/>
              <a:ext cx="18302" cy="94795"/>
            </a:xfrm>
            <a:custGeom>
              <a:avLst/>
              <a:gdLst/>
              <a:ahLst/>
              <a:cxnLst/>
              <a:rect l="l" t="t" r="r" b="b"/>
              <a:pathLst>
                <a:path w="290" h="1502" extrusionOk="0">
                  <a:moveTo>
                    <a:pt x="1" y="0"/>
                  </a:moveTo>
                  <a:lnTo>
                    <a:pt x="1" y="1501"/>
                  </a:lnTo>
                  <a:lnTo>
                    <a:pt x="289" y="1501"/>
                  </a:lnTo>
                  <a:lnTo>
                    <a:pt x="2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84" name="Google Shape;684;p28"/>
            <p:cNvSpPr/>
            <p:nvPr/>
          </p:nvSpPr>
          <p:spPr>
            <a:xfrm flipH="1">
              <a:off x="8663432" y="3522329"/>
              <a:ext cx="18302" cy="94795"/>
            </a:xfrm>
            <a:custGeom>
              <a:avLst/>
              <a:gdLst/>
              <a:ahLst/>
              <a:cxnLst/>
              <a:rect l="l" t="t" r="r" b="b"/>
              <a:pathLst>
                <a:path w="290" h="1502" extrusionOk="0">
                  <a:moveTo>
                    <a:pt x="1" y="0"/>
                  </a:moveTo>
                  <a:lnTo>
                    <a:pt x="1" y="1501"/>
                  </a:lnTo>
                  <a:lnTo>
                    <a:pt x="289" y="1501"/>
                  </a:lnTo>
                  <a:lnTo>
                    <a:pt x="2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85" name="Google Shape;685;p28"/>
            <p:cNvSpPr/>
            <p:nvPr/>
          </p:nvSpPr>
          <p:spPr>
            <a:xfrm flipH="1">
              <a:off x="8626449" y="3522329"/>
              <a:ext cx="18302" cy="94795"/>
            </a:xfrm>
            <a:custGeom>
              <a:avLst/>
              <a:gdLst/>
              <a:ahLst/>
              <a:cxnLst/>
              <a:rect l="l" t="t" r="r" b="b"/>
              <a:pathLst>
                <a:path w="290" h="1502" extrusionOk="0">
                  <a:moveTo>
                    <a:pt x="1" y="0"/>
                  </a:moveTo>
                  <a:lnTo>
                    <a:pt x="1" y="1501"/>
                  </a:lnTo>
                  <a:lnTo>
                    <a:pt x="289" y="1501"/>
                  </a:lnTo>
                  <a:lnTo>
                    <a:pt x="2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86" name="Google Shape;686;p28"/>
            <p:cNvSpPr/>
            <p:nvPr/>
          </p:nvSpPr>
          <p:spPr>
            <a:xfrm flipH="1">
              <a:off x="8589404" y="3522329"/>
              <a:ext cx="18302" cy="94795"/>
            </a:xfrm>
            <a:custGeom>
              <a:avLst/>
              <a:gdLst/>
              <a:ahLst/>
              <a:cxnLst/>
              <a:rect l="l" t="t" r="r" b="b"/>
              <a:pathLst>
                <a:path w="290" h="1502" extrusionOk="0">
                  <a:moveTo>
                    <a:pt x="0" y="0"/>
                  </a:moveTo>
                  <a:lnTo>
                    <a:pt x="0" y="1501"/>
                  </a:lnTo>
                  <a:lnTo>
                    <a:pt x="289" y="1501"/>
                  </a:lnTo>
                  <a:lnTo>
                    <a:pt x="2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87" name="Google Shape;687;p28"/>
            <p:cNvSpPr/>
            <p:nvPr/>
          </p:nvSpPr>
          <p:spPr>
            <a:xfrm flipH="1">
              <a:off x="8552421" y="3522329"/>
              <a:ext cx="18239" cy="94795"/>
            </a:xfrm>
            <a:custGeom>
              <a:avLst/>
              <a:gdLst/>
              <a:ahLst/>
              <a:cxnLst/>
              <a:rect l="l" t="t" r="r" b="b"/>
              <a:pathLst>
                <a:path w="289" h="1502" extrusionOk="0">
                  <a:moveTo>
                    <a:pt x="0" y="0"/>
                  </a:moveTo>
                  <a:lnTo>
                    <a:pt x="0" y="1501"/>
                  </a:lnTo>
                  <a:lnTo>
                    <a:pt x="289" y="1501"/>
                  </a:lnTo>
                  <a:lnTo>
                    <a:pt x="2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88" name="Google Shape;688;p28"/>
            <p:cNvSpPr/>
            <p:nvPr/>
          </p:nvSpPr>
          <p:spPr>
            <a:xfrm flipH="1">
              <a:off x="6268659" y="4374095"/>
              <a:ext cx="938761" cy="643937"/>
            </a:xfrm>
            <a:custGeom>
              <a:avLst/>
              <a:gdLst/>
              <a:ahLst/>
              <a:cxnLst/>
              <a:rect l="l" t="t" r="r" b="b"/>
              <a:pathLst>
                <a:path w="14875" h="10203" extrusionOk="0">
                  <a:moveTo>
                    <a:pt x="0" y="0"/>
                  </a:moveTo>
                  <a:lnTo>
                    <a:pt x="0" y="10202"/>
                  </a:lnTo>
                  <a:lnTo>
                    <a:pt x="14875" y="10202"/>
                  </a:lnTo>
                  <a:lnTo>
                    <a:pt x="14875"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89" name="Google Shape;689;p28"/>
            <p:cNvSpPr/>
            <p:nvPr/>
          </p:nvSpPr>
          <p:spPr>
            <a:xfrm flipH="1">
              <a:off x="6268659" y="4374095"/>
              <a:ext cx="938761" cy="262106"/>
            </a:xfrm>
            <a:custGeom>
              <a:avLst/>
              <a:gdLst/>
              <a:ahLst/>
              <a:cxnLst/>
              <a:rect l="l" t="t" r="r" b="b"/>
              <a:pathLst>
                <a:path w="14875" h="4153" extrusionOk="0">
                  <a:moveTo>
                    <a:pt x="0" y="0"/>
                  </a:moveTo>
                  <a:lnTo>
                    <a:pt x="0" y="4152"/>
                  </a:lnTo>
                  <a:lnTo>
                    <a:pt x="14875" y="4152"/>
                  </a:lnTo>
                  <a:lnTo>
                    <a:pt x="14875"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90" name="Google Shape;690;p28"/>
            <p:cNvSpPr/>
            <p:nvPr/>
          </p:nvSpPr>
          <p:spPr>
            <a:xfrm flipH="1">
              <a:off x="5798048" y="4521273"/>
              <a:ext cx="469412" cy="349517"/>
            </a:xfrm>
            <a:custGeom>
              <a:avLst/>
              <a:gdLst/>
              <a:ahLst/>
              <a:cxnLst/>
              <a:rect l="l" t="t" r="r" b="b"/>
              <a:pathLst>
                <a:path w="7438" h="5538" extrusionOk="0">
                  <a:moveTo>
                    <a:pt x="0" y="0"/>
                  </a:moveTo>
                  <a:lnTo>
                    <a:pt x="0" y="5537"/>
                  </a:lnTo>
                  <a:lnTo>
                    <a:pt x="7438" y="5537"/>
                  </a:lnTo>
                  <a:lnTo>
                    <a:pt x="7438"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91" name="Google Shape;691;p28"/>
            <p:cNvSpPr/>
            <p:nvPr/>
          </p:nvSpPr>
          <p:spPr>
            <a:xfrm flipH="1">
              <a:off x="6214511" y="4521273"/>
              <a:ext cx="52949" cy="349517"/>
            </a:xfrm>
            <a:custGeom>
              <a:avLst/>
              <a:gdLst/>
              <a:ahLst/>
              <a:cxnLst/>
              <a:rect l="l" t="t" r="r" b="b"/>
              <a:pathLst>
                <a:path w="839" h="5538" extrusionOk="0">
                  <a:moveTo>
                    <a:pt x="0" y="0"/>
                  </a:moveTo>
                  <a:lnTo>
                    <a:pt x="0" y="5537"/>
                  </a:lnTo>
                  <a:lnTo>
                    <a:pt x="839" y="5537"/>
                  </a:lnTo>
                  <a:lnTo>
                    <a:pt x="839"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92" name="Google Shape;692;p28"/>
            <p:cNvSpPr/>
            <p:nvPr/>
          </p:nvSpPr>
          <p:spPr>
            <a:xfrm flipH="1">
              <a:off x="5674668" y="4586216"/>
              <a:ext cx="123443" cy="219632"/>
            </a:xfrm>
            <a:custGeom>
              <a:avLst/>
              <a:gdLst/>
              <a:ahLst/>
              <a:cxnLst/>
              <a:rect l="l" t="t" r="r" b="b"/>
              <a:pathLst>
                <a:path w="1956" h="3480" extrusionOk="0">
                  <a:moveTo>
                    <a:pt x="1" y="1"/>
                  </a:moveTo>
                  <a:lnTo>
                    <a:pt x="1" y="3480"/>
                  </a:lnTo>
                  <a:lnTo>
                    <a:pt x="1059" y="3480"/>
                  </a:lnTo>
                  <a:cubicBezTo>
                    <a:pt x="1554" y="3480"/>
                    <a:pt x="1955" y="3079"/>
                    <a:pt x="1955" y="2584"/>
                  </a:cubicBezTo>
                  <a:lnTo>
                    <a:pt x="1955" y="896"/>
                  </a:lnTo>
                  <a:cubicBezTo>
                    <a:pt x="1955" y="402"/>
                    <a:pt x="1554" y="1"/>
                    <a:pt x="1059"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93" name="Google Shape;693;p28"/>
            <p:cNvSpPr/>
            <p:nvPr/>
          </p:nvSpPr>
          <p:spPr>
            <a:xfrm flipH="1">
              <a:off x="7207421" y="4521273"/>
              <a:ext cx="183839" cy="349517"/>
            </a:xfrm>
            <a:custGeom>
              <a:avLst/>
              <a:gdLst/>
              <a:ahLst/>
              <a:cxnLst/>
              <a:rect l="l" t="t" r="r" b="b"/>
              <a:pathLst>
                <a:path w="2913" h="5538" extrusionOk="0">
                  <a:moveTo>
                    <a:pt x="1442" y="0"/>
                  </a:moveTo>
                  <a:cubicBezTo>
                    <a:pt x="645" y="0"/>
                    <a:pt x="0" y="645"/>
                    <a:pt x="0" y="1442"/>
                  </a:cubicBezTo>
                  <a:lnTo>
                    <a:pt x="0" y="4096"/>
                  </a:lnTo>
                  <a:cubicBezTo>
                    <a:pt x="0" y="4892"/>
                    <a:pt x="645" y="5537"/>
                    <a:pt x="1442" y="5537"/>
                  </a:cubicBezTo>
                  <a:lnTo>
                    <a:pt x="2913" y="5537"/>
                  </a:lnTo>
                  <a:lnTo>
                    <a:pt x="291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94" name="Google Shape;694;p28"/>
            <p:cNvSpPr/>
            <p:nvPr/>
          </p:nvSpPr>
          <p:spPr>
            <a:xfrm flipH="1">
              <a:off x="5054739" y="4019024"/>
              <a:ext cx="3366603" cy="355134"/>
            </a:xfrm>
            <a:custGeom>
              <a:avLst/>
              <a:gdLst/>
              <a:ahLst/>
              <a:cxnLst/>
              <a:rect l="l" t="t" r="r" b="b"/>
              <a:pathLst>
                <a:path w="53345" h="5627" extrusionOk="0">
                  <a:moveTo>
                    <a:pt x="1378" y="1"/>
                  </a:moveTo>
                  <a:cubicBezTo>
                    <a:pt x="617" y="1"/>
                    <a:pt x="0" y="618"/>
                    <a:pt x="0" y="1379"/>
                  </a:cubicBezTo>
                  <a:lnTo>
                    <a:pt x="0" y="4248"/>
                  </a:lnTo>
                  <a:cubicBezTo>
                    <a:pt x="0" y="5009"/>
                    <a:pt x="617" y="5626"/>
                    <a:pt x="1378" y="5626"/>
                  </a:cubicBezTo>
                  <a:lnTo>
                    <a:pt x="51967" y="5626"/>
                  </a:lnTo>
                  <a:cubicBezTo>
                    <a:pt x="52727" y="5626"/>
                    <a:pt x="53344" y="5009"/>
                    <a:pt x="53344" y="4248"/>
                  </a:cubicBezTo>
                  <a:lnTo>
                    <a:pt x="53344" y="1379"/>
                  </a:lnTo>
                  <a:cubicBezTo>
                    <a:pt x="53344" y="618"/>
                    <a:pt x="52727" y="1"/>
                    <a:pt x="51967" y="1"/>
                  </a:cubicBezTo>
                  <a:close/>
                </a:path>
              </a:pathLst>
            </a:custGeom>
            <a:solidFill>
              <a:srgbClr val="BFBFB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95" name="Google Shape;695;p28"/>
            <p:cNvSpPr/>
            <p:nvPr/>
          </p:nvSpPr>
          <p:spPr>
            <a:xfrm flipH="1">
              <a:off x="5054739" y="4019024"/>
              <a:ext cx="3366603" cy="355134"/>
            </a:xfrm>
            <a:custGeom>
              <a:avLst/>
              <a:gdLst/>
              <a:ahLst/>
              <a:cxnLst/>
              <a:rect l="l" t="t" r="r" b="b"/>
              <a:pathLst>
                <a:path w="53345" h="5627" extrusionOk="0">
                  <a:moveTo>
                    <a:pt x="1378" y="1"/>
                  </a:moveTo>
                  <a:cubicBezTo>
                    <a:pt x="617" y="1"/>
                    <a:pt x="0" y="618"/>
                    <a:pt x="0" y="1379"/>
                  </a:cubicBezTo>
                  <a:lnTo>
                    <a:pt x="0" y="4248"/>
                  </a:lnTo>
                  <a:cubicBezTo>
                    <a:pt x="0" y="5009"/>
                    <a:pt x="617" y="5626"/>
                    <a:pt x="1378" y="5626"/>
                  </a:cubicBezTo>
                  <a:lnTo>
                    <a:pt x="51967" y="5626"/>
                  </a:lnTo>
                  <a:cubicBezTo>
                    <a:pt x="52727" y="5626"/>
                    <a:pt x="53344" y="5009"/>
                    <a:pt x="53344" y="4248"/>
                  </a:cubicBezTo>
                  <a:lnTo>
                    <a:pt x="53344" y="1379"/>
                  </a:lnTo>
                  <a:cubicBezTo>
                    <a:pt x="53344" y="618"/>
                    <a:pt x="52727" y="1"/>
                    <a:pt x="51967" y="1"/>
                  </a:cubicBezTo>
                  <a:close/>
                </a:path>
              </a:pathLst>
            </a:custGeom>
            <a:solidFill>
              <a:srgbClr val="BFBFB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96" name="Google Shape;696;p28"/>
            <p:cNvSpPr/>
            <p:nvPr/>
          </p:nvSpPr>
          <p:spPr>
            <a:xfrm flipH="1">
              <a:off x="5054739" y="4019024"/>
              <a:ext cx="3366603" cy="355134"/>
            </a:xfrm>
            <a:custGeom>
              <a:avLst/>
              <a:gdLst/>
              <a:ahLst/>
              <a:cxnLst/>
              <a:rect l="l" t="t" r="r" b="b"/>
              <a:pathLst>
                <a:path w="53345" h="5627" extrusionOk="0">
                  <a:moveTo>
                    <a:pt x="1378" y="1"/>
                  </a:moveTo>
                  <a:cubicBezTo>
                    <a:pt x="617" y="1"/>
                    <a:pt x="0" y="618"/>
                    <a:pt x="0" y="1379"/>
                  </a:cubicBezTo>
                  <a:lnTo>
                    <a:pt x="0" y="4248"/>
                  </a:lnTo>
                  <a:cubicBezTo>
                    <a:pt x="0" y="5009"/>
                    <a:pt x="617" y="5626"/>
                    <a:pt x="1378" y="5626"/>
                  </a:cubicBezTo>
                  <a:lnTo>
                    <a:pt x="51967" y="5626"/>
                  </a:lnTo>
                  <a:cubicBezTo>
                    <a:pt x="52727" y="5626"/>
                    <a:pt x="53344" y="5009"/>
                    <a:pt x="53344" y="4248"/>
                  </a:cubicBezTo>
                  <a:lnTo>
                    <a:pt x="53344" y="1379"/>
                  </a:lnTo>
                  <a:cubicBezTo>
                    <a:pt x="53344" y="618"/>
                    <a:pt x="52727" y="1"/>
                    <a:pt x="51967" y="1"/>
                  </a:cubicBezTo>
                  <a:close/>
                </a:path>
              </a:pathLst>
            </a:custGeom>
            <a:solidFill>
              <a:srgbClr val="BFBFB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97" name="Google Shape;697;p28"/>
            <p:cNvSpPr/>
            <p:nvPr/>
          </p:nvSpPr>
          <p:spPr>
            <a:xfrm flipH="1">
              <a:off x="5054739" y="4019024"/>
              <a:ext cx="3366603" cy="355134"/>
            </a:xfrm>
            <a:custGeom>
              <a:avLst/>
              <a:gdLst/>
              <a:ahLst/>
              <a:cxnLst/>
              <a:rect l="l" t="t" r="r" b="b"/>
              <a:pathLst>
                <a:path w="53345" h="5627" extrusionOk="0">
                  <a:moveTo>
                    <a:pt x="1378" y="1"/>
                  </a:moveTo>
                  <a:cubicBezTo>
                    <a:pt x="617" y="1"/>
                    <a:pt x="0" y="618"/>
                    <a:pt x="0" y="1379"/>
                  </a:cubicBezTo>
                  <a:lnTo>
                    <a:pt x="0" y="4248"/>
                  </a:lnTo>
                  <a:cubicBezTo>
                    <a:pt x="0" y="5009"/>
                    <a:pt x="617" y="5626"/>
                    <a:pt x="1378" y="5626"/>
                  </a:cubicBezTo>
                  <a:lnTo>
                    <a:pt x="51967" y="5626"/>
                  </a:lnTo>
                  <a:cubicBezTo>
                    <a:pt x="52727" y="5626"/>
                    <a:pt x="53344" y="5009"/>
                    <a:pt x="53344" y="4248"/>
                  </a:cubicBezTo>
                  <a:lnTo>
                    <a:pt x="53344" y="1379"/>
                  </a:lnTo>
                  <a:cubicBezTo>
                    <a:pt x="53344" y="618"/>
                    <a:pt x="52727" y="1"/>
                    <a:pt x="51967" y="1"/>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98" name="Google Shape;698;p28"/>
            <p:cNvSpPr/>
            <p:nvPr/>
          </p:nvSpPr>
          <p:spPr>
            <a:xfrm flipH="1">
              <a:off x="5054739" y="4102459"/>
              <a:ext cx="3366603" cy="30231"/>
            </a:xfrm>
            <a:custGeom>
              <a:avLst/>
              <a:gdLst/>
              <a:ahLst/>
              <a:cxnLst/>
              <a:rect l="l" t="t" r="r" b="b"/>
              <a:pathLst>
                <a:path w="53345" h="479" extrusionOk="0">
                  <a:moveTo>
                    <a:pt x="72" y="1"/>
                  </a:moveTo>
                  <a:cubicBezTo>
                    <a:pt x="30" y="153"/>
                    <a:pt x="0" y="310"/>
                    <a:pt x="0" y="474"/>
                  </a:cubicBezTo>
                  <a:lnTo>
                    <a:pt x="0" y="478"/>
                  </a:lnTo>
                  <a:lnTo>
                    <a:pt x="53344" y="478"/>
                  </a:lnTo>
                  <a:lnTo>
                    <a:pt x="53344" y="474"/>
                  </a:lnTo>
                  <a:cubicBezTo>
                    <a:pt x="53344" y="310"/>
                    <a:pt x="53315" y="153"/>
                    <a:pt x="53274"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699" name="Google Shape;699;p28"/>
            <p:cNvSpPr/>
            <p:nvPr/>
          </p:nvSpPr>
          <p:spPr>
            <a:xfrm flipH="1">
              <a:off x="5054739" y="4260493"/>
              <a:ext cx="3366603" cy="30105"/>
            </a:xfrm>
            <a:custGeom>
              <a:avLst/>
              <a:gdLst/>
              <a:ahLst/>
              <a:cxnLst/>
              <a:rect l="l" t="t" r="r" b="b"/>
              <a:pathLst>
                <a:path w="53345" h="477" extrusionOk="0">
                  <a:moveTo>
                    <a:pt x="0" y="0"/>
                  </a:moveTo>
                  <a:lnTo>
                    <a:pt x="0" y="5"/>
                  </a:lnTo>
                  <a:cubicBezTo>
                    <a:pt x="0" y="169"/>
                    <a:pt x="29" y="325"/>
                    <a:pt x="72" y="477"/>
                  </a:cubicBezTo>
                  <a:lnTo>
                    <a:pt x="53273" y="477"/>
                  </a:lnTo>
                  <a:cubicBezTo>
                    <a:pt x="53314" y="325"/>
                    <a:pt x="53344" y="169"/>
                    <a:pt x="53344" y="5"/>
                  </a:cubicBezTo>
                  <a:lnTo>
                    <a:pt x="53344"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00" name="Google Shape;700;p28"/>
            <p:cNvSpPr/>
            <p:nvPr/>
          </p:nvSpPr>
          <p:spPr>
            <a:xfrm flipH="1">
              <a:off x="5159691" y="3674556"/>
              <a:ext cx="3165724" cy="344531"/>
            </a:xfrm>
            <a:custGeom>
              <a:avLst/>
              <a:gdLst/>
              <a:ahLst/>
              <a:cxnLst/>
              <a:rect l="l" t="t" r="r" b="b"/>
              <a:pathLst>
                <a:path w="50162" h="5459" extrusionOk="0">
                  <a:moveTo>
                    <a:pt x="19765" y="1"/>
                  </a:moveTo>
                  <a:lnTo>
                    <a:pt x="1" y="5459"/>
                  </a:lnTo>
                  <a:lnTo>
                    <a:pt x="25152" y="5419"/>
                  </a:lnTo>
                  <a:lnTo>
                    <a:pt x="50161" y="5459"/>
                  </a:lnTo>
                  <a:lnTo>
                    <a:pt x="30540" y="1"/>
                  </a:lnTo>
                  <a:close/>
                </a:path>
              </a:pathLst>
            </a:custGeom>
            <a:solidFill>
              <a:srgbClr val="D6D6D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01" name="Google Shape;701;p28"/>
            <p:cNvSpPr/>
            <p:nvPr/>
          </p:nvSpPr>
          <p:spPr>
            <a:xfrm flipH="1">
              <a:off x="5159691" y="3674556"/>
              <a:ext cx="3165724" cy="344531"/>
            </a:xfrm>
            <a:custGeom>
              <a:avLst/>
              <a:gdLst/>
              <a:ahLst/>
              <a:cxnLst/>
              <a:rect l="l" t="t" r="r" b="b"/>
              <a:pathLst>
                <a:path w="50162" h="5459" extrusionOk="0">
                  <a:moveTo>
                    <a:pt x="19765" y="1"/>
                  </a:moveTo>
                  <a:lnTo>
                    <a:pt x="1" y="5459"/>
                  </a:lnTo>
                  <a:lnTo>
                    <a:pt x="25152" y="5419"/>
                  </a:lnTo>
                  <a:lnTo>
                    <a:pt x="50161" y="5459"/>
                  </a:lnTo>
                  <a:lnTo>
                    <a:pt x="30540" y="1"/>
                  </a:lnTo>
                  <a:close/>
                </a:path>
              </a:pathLst>
            </a:custGeom>
            <a:solidFill>
              <a:srgbClr val="FFFFFF">
                <a:alpha val="3987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02" name="Google Shape;702;p28"/>
            <p:cNvSpPr/>
            <p:nvPr/>
          </p:nvSpPr>
          <p:spPr>
            <a:xfrm flipH="1">
              <a:off x="5185187" y="3993148"/>
              <a:ext cx="3114479" cy="18871"/>
            </a:xfrm>
            <a:custGeom>
              <a:avLst/>
              <a:gdLst/>
              <a:ahLst/>
              <a:cxnLst/>
              <a:rect l="l" t="t" r="r" b="b"/>
              <a:pathLst>
                <a:path w="49350" h="299" extrusionOk="0">
                  <a:moveTo>
                    <a:pt x="1078" y="0"/>
                  </a:moveTo>
                  <a:lnTo>
                    <a:pt x="0" y="298"/>
                  </a:lnTo>
                  <a:lnTo>
                    <a:pt x="49349" y="298"/>
                  </a:lnTo>
                  <a:lnTo>
                    <a:pt x="48279"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03" name="Google Shape;703;p28"/>
            <p:cNvSpPr/>
            <p:nvPr/>
          </p:nvSpPr>
          <p:spPr>
            <a:xfrm flipH="1">
              <a:off x="5473221" y="3913058"/>
              <a:ext cx="2536391" cy="18808"/>
            </a:xfrm>
            <a:custGeom>
              <a:avLst/>
              <a:gdLst/>
              <a:ahLst/>
              <a:cxnLst/>
              <a:rect l="l" t="t" r="r" b="b"/>
              <a:pathLst>
                <a:path w="40190" h="298" extrusionOk="0">
                  <a:moveTo>
                    <a:pt x="1079" y="0"/>
                  </a:moveTo>
                  <a:lnTo>
                    <a:pt x="1" y="298"/>
                  </a:lnTo>
                  <a:lnTo>
                    <a:pt x="40189" y="298"/>
                  </a:lnTo>
                  <a:lnTo>
                    <a:pt x="39119"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04" name="Google Shape;704;p28"/>
            <p:cNvSpPr/>
            <p:nvPr/>
          </p:nvSpPr>
          <p:spPr>
            <a:xfrm flipH="1">
              <a:off x="5745099" y="3837386"/>
              <a:ext cx="1990616" cy="18871"/>
            </a:xfrm>
            <a:custGeom>
              <a:avLst/>
              <a:gdLst/>
              <a:ahLst/>
              <a:cxnLst/>
              <a:rect l="l" t="t" r="r" b="b"/>
              <a:pathLst>
                <a:path w="31542" h="299" extrusionOk="0">
                  <a:moveTo>
                    <a:pt x="1078" y="1"/>
                  </a:moveTo>
                  <a:lnTo>
                    <a:pt x="0" y="299"/>
                  </a:lnTo>
                  <a:lnTo>
                    <a:pt x="31542" y="299"/>
                  </a:lnTo>
                  <a:lnTo>
                    <a:pt x="30471" y="1"/>
                  </a:ln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05" name="Google Shape;705;p28"/>
            <p:cNvSpPr/>
            <p:nvPr/>
          </p:nvSpPr>
          <p:spPr>
            <a:xfrm flipH="1">
              <a:off x="5984538" y="3770803"/>
              <a:ext cx="1510033" cy="18871"/>
            </a:xfrm>
            <a:custGeom>
              <a:avLst/>
              <a:gdLst/>
              <a:ahLst/>
              <a:cxnLst/>
              <a:rect l="l" t="t" r="r" b="b"/>
              <a:pathLst>
                <a:path w="23927" h="299" extrusionOk="0">
                  <a:moveTo>
                    <a:pt x="1079" y="1"/>
                  </a:moveTo>
                  <a:lnTo>
                    <a:pt x="1" y="298"/>
                  </a:lnTo>
                  <a:lnTo>
                    <a:pt x="23926" y="298"/>
                  </a:lnTo>
                  <a:lnTo>
                    <a:pt x="22855" y="1"/>
                  </a:ln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06" name="Google Shape;706;p28"/>
            <p:cNvSpPr/>
            <p:nvPr/>
          </p:nvSpPr>
          <p:spPr>
            <a:xfrm flipH="1">
              <a:off x="6200248" y="3710846"/>
              <a:ext cx="1077098" cy="18871"/>
            </a:xfrm>
            <a:custGeom>
              <a:avLst/>
              <a:gdLst/>
              <a:ahLst/>
              <a:cxnLst/>
              <a:rect l="l" t="t" r="r" b="b"/>
              <a:pathLst>
                <a:path w="17067" h="299" extrusionOk="0">
                  <a:moveTo>
                    <a:pt x="1079" y="1"/>
                  </a:moveTo>
                  <a:lnTo>
                    <a:pt x="1" y="298"/>
                  </a:lnTo>
                  <a:lnTo>
                    <a:pt x="17067" y="298"/>
                  </a:lnTo>
                  <a:lnTo>
                    <a:pt x="15996" y="1"/>
                  </a:ln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07" name="Google Shape;707;p28"/>
            <p:cNvSpPr/>
            <p:nvPr/>
          </p:nvSpPr>
          <p:spPr>
            <a:xfrm flipH="1">
              <a:off x="7207421" y="4521273"/>
              <a:ext cx="57241" cy="349517"/>
            </a:xfrm>
            <a:custGeom>
              <a:avLst/>
              <a:gdLst/>
              <a:ahLst/>
              <a:cxnLst/>
              <a:rect l="l" t="t" r="r" b="b"/>
              <a:pathLst>
                <a:path w="907" h="5538" extrusionOk="0">
                  <a:moveTo>
                    <a:pt x="0" y="0"/>
                  </a:moveTo>
                  <a:lnTo>
                    <a:pt x="0" y="5537"/>
                  </a:lnTo>
                  <a:lnTo>
                    <a:pt x="907" y="5537"/>
                  </a:lnTo>
                  <a:lnTo>
                    <a:pt x="907"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08" name="Google Shape;708;p28"/>
            <p:cNvSpPr/>
            <p:nvPr/>
          </p:nvSpPr>
          <p:spPr>
            <a:xfrm flipH="1">
              <a:off x="5706034" y="4606034"/>
              <a:ext cx="221390" cy="18997"/>
            </a:xfrm>
            <a:custGeom>
              <a:avLst/>
              <a:gdLst/>
              <a:ahLst/>
              <a:cxnLst/>
              <a:rect l="l" t="t" r="r" b="b"/>
              <a:pathLst>
                <a:path w="3508" h="301" extrusionOk="0">
                  <a:moveTo>
                    <a:pt x="1" y="1"/>
                  </a:moveTo>
                  <a:lnTo>
                    <a:pt x="1" y="301"/>
                  </a:lnTo>
                  <a:lnTo>
                    <a:pt x="3507" y="301"/>
                  </a:lnTo>
                  <a:cubicBezTo>
                    <a:pt x="3446" y="188"/>
                    <a:pt x="3370" y="87"/>
                    <a:pt x="3277" y="1"/>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09" name="Google Shape;709;p28"/>
            <p:cNvSpPr/>
            <p:nvPr/>
          </p:nvSpPr>
          <p:spPr>
            <a:xfrm flipH="1">
              <a:off x="5696883" y="4646299"/>
              <a:ext cx="230541" cy="18997"/>
            </a:xfrm>
            <a:custGeom>
              <a:avLst/>
              <a:gdLst/>
              <a:ahLst/>
              <a:cxnLst/>
              <a:rect l="l" t="t" r="r" b="b"/>
              <a:pathLst>
                <a:path w="3653" h="301" extrusionOk="0">
                  <a:moveTo>
                    <a:pt x="1" y="1"/>
                  </a:moveTo>
                  <a:lnTo>
                    <a:pt x="1" y="300"/>
                  </a:lnTo>
                  <a:lnTo>
                    <a:pt x="3653" y="300"/>
                  </a:lnTo>
                  <a:lnTo>
                    <a:pt x="3653" y="216"/>
                  </a:lnTo>
                  <a:cubicBezTo>
                    <a:pt x="3653" y="142"/>
                    <a:pt x="3644" y="70"/>
                    <a:pt x="3631" y="1"/>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10" name="Google Shape;710;p28"/>
            <p:cNvSpPr/>
            <p:nvPr/>
          </p:nvSpPr>
          <p:spPr>
            <a:xfrm flipH="1">
              <a:off x="5696883" y="4686565"/>
              <a:ext cx="230541" cy="18997"/>
            </a:xfrm>
            <a:custGeom>
              <a:avLst/>
              <a:gdLst/>
              <a:ahLst/>
              <a:cxnLst/>
              <a:rect l="l" t="t" r="r" b="b"/>
              <a:pathLst>
                <a:path w="3653" h="301" extrusionOk="0">
                  <a:moveTo>
                    <a:pt x="1" y="0"/>
                  </a:moveTo>
                  <a:lnTo>
                    <a:pt x="1" y="300"/>
                  </a:lnTo>
                  <a:lnTo>
                    <a:pt x="3653" y="300"/>
                  </a:lnTo>
                  <a:lnTo>
                    <a:pt x="3653"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11" name="Google Shape;711;p28"/>
            <p:cNvSpPr/>
            <p:nvPr/>
          </p:nvSpPr>
          <p:spPr>
            <a:xfrm flipH="1">
              <a:off x="5696883" y="4726831"/>
              <a:ext cx="230541" cy="18934"/>
            </a:xfrm>
            <a:custGeom>
              <a:avLst/>
              <a:gdLst/>
              <a:ahLst/>
              <a:cxnLst/>
              <a:rect l="l" t="t" r="r" b="b"/>
              <a:pathLst>
                <a:path w="3653" h="300" extrusionOk="0">
                  <a:moveTo>
                    <a:pt x="1" y="0"/>
                  </a:moveTo>
                  <a:lnTo>
                    <a:pt x="1" y="300"/>
                  </a:lnTo>
                  <a:lnTo>
                    <a:pt x="3631" y="300"/>
                  </a:lnTo>
                  <a:cubicBezTo>
                    <a:pt x="3644" y="230"/>
                    <a:pt x="3653" y="158"/>
                    <a:pt x="3653" y="84"/>
                  </a:cubicBezTo>
                  <a:lnTo>
                    <a:pt x="3653"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12" name="Google Shape;712;p28"/>
            <p:cNvSpPr/>
            <p:nvPr/>
          </p:nvSpPr>
          <p:spPr>
            <a:xfrm flipH="1">
              <a:off x="5706034" y="4767034"/>
              <a:ext cx="221390" cy="18997"/>
            </a:xfrm>
            <a:custGeom>
              <a:avLst/>
              <a:gdLst/>
              <a:ahLst/>
              <a:cxnLst/>
              <a:rect l="l" t="t" r="r" b="b"/>
              <a:pathLst>
                <a:path w="3508" h="301" extrusionOk="0">
                  <a:moveTo>
                    <a:pt x="1" y="1"/>
                  </a:moveTo>
                  <a:lnTo>
                    <a:pt x="1" y="301"/>
                  </a:lnTo>
                  <a:lnTo>
                    <a:pt x="3277" y="301"/>
                  </a:lnTo>
                  <a:cubicBezTo>
                    <a:pt x="3370" y="215"/>
                    <a:pt x="3446" y="113"/>
                    <a:pt x="3507" y="1"/>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13" name="Google Shape;713;p28"/>
            <p:cNvSpPr/>
            <p:nvPr/>
          </p:nvSpPr>
          <p:spPr>
            <a:xfrm flipH="1">
              <a:off x="7316790" y="2270240"/>
              <a:ext cx="397719" cy="301804"/>
            </a:xfrm>
            <a:custGeom>
              <a:avLst/>
              <a:gdLst/>
              <a:ahLst/>
              <a:cxnLst/>
              <a:rect l="l" t="t" r="r" b="b"/>
              <a:pathLst>
                <a:path w="6302" h="4782" extrusionOk="0">
                  <a:moveTo>
                    <a:pt x="2808" y="1"/>
                  </a:moveTo>
                  <a:cubicBezTo>
                    <a:pt x="2808" y="1"/>
                    <a:pt x="2950" y="2213"/>
                    <a:pt x="2878" y="2242"/>
                  </a:cubicBezTo>
                  <a:cubicBezTo>
                    <a:pt x="2869" y="2246"/>
                    <a:pt x="2855" y="2247"/>
                    <a:pt x="2836" y="2247"/>
                  </a:cubicBezTo>
                  <a:cubicBezTo>
                    <a:pt x="2572" y="2247"/>
                    <a:pt x="1429" y="1884"/>
                    <a:pt x="1429" y="1884"/>
                  </a:cubicBezTo>
                  <a:lnTo>
                    <a:pt x="1429" y="1884"/>
                  </a:lnTo>
                  <a:cubicBezTo>
                    <a:pt x="1429" y="1884"/>
                    <a:pt x="2387" y="2565"/>
                    <a:pt x="2335" y="2622"/>
                  </a:cubicBezTo>
                  <a:cubicBezTo>
                    <a:pt x="2256" y="2710"/>
                    <a:pt x="328" y="2740"/>
                    <a:pt x="328" y="2740"/>
                  </a:cubicBezTo>
                  <a:cubicBezTo>
                    <a:pt x="328" y="2740"/>
                    <a:pt x="2037" y="3098"/>
                    <a:pt x="2003" y="3197"/>
                  </a:cubicBezTo>
                  <a:cubicBezTo>
                    <a:pt x="1964" y="3317"/>
                    <a:pt x="1937" y="3437"/>
                    <a:pt x="1924" y="3553"/>
                  </a:cubicBezTo>
                  <a:cubicBezTo>
                    <a:pt x="1904" y="3711"/>
                    <a:pt x="0" y="4782"/>
                    <a:pt x="0" y="4782"/>
                  </a:cubicBezTo>
                  <a:cubicBezTo>
                    <a:pt x="0" y="4782"/>
                    <a:pt x="1821" y="4405"/>
                    <a:pt x="2128" y="4405"/>
                  </a:cubicBezTo>
                  <a:cubicBezTo>
                    <a:pt x="2147" y="4405"/>
                    <a:pt x="2160" y="4407"/>
                    <a:pt x="2167" y="4410"/>
                  </a:cubicBezTo>
                  <a:cubicBezTo>
                    <a:pt x="2195" y="4422"/>
                    <a:pt x="2232" y="4428"/>
                    <a:pt x="2276" y="4428"/>
                  </a:cubicBezTo>
                  <a:cubicBezTo>
                    <a:pt x="2928" y="4428"/>
                    <a:pt x="5191" y="3145"/>
                    <a:pt x="5191" y="3145"/>
                  </a:cubicBezTo>
                  <a:cubicBezTo>
                    <a:pt x="5191" y="3145"/>
                    <a:pt x="5157" y="3082"/>
                    <a:pt x="5089" y="2987"/>
                  </a:cubicBezTo>
                  <a:cubicBezTo>
                    <a:pt x="5022" y="2893"/>
                    <a:pt x="6301" y="1264"/>
                    <a:pt x="6302" y="1264"/>
                  </a:cubicBezTo>
                  <a:lnTo>
                    <a:pt x="6302" y="1264"/>
                  </a:lnTo>
                  <a:cubicBezTo>
                    <a:pt x="6301" y="1264"/>
                    <a:pt x="4690" y="2381"/>
                    <a:pt x="4468" y="2381"/>
                  </a:cubicBezTo>
                  <a:cubicBezTo>
                    <a:pt x="4460" y="2381"/>
                    <a:pt x="4454" y="2380"/>
                    <a:pt x="4450" y="2377"/>
                  </a:cubicBezTo>
                  <a:cubicBezTo>
                    <a:pt x="4331" y="2303"/>
                    <a:pt x="4488" y="1259"/>
                    <a:pt x="4488" y="1259"/>
                  </a:cubicBezTo>
                  <a:lnTo>
                    <a:pt x="4488" y="1259"/>
                  </a:lnTo>
                  <a:cubicBezTo>
                    <a:pt x="4488" y="1259"/>
                    <a:pt x="3789" y="2113"/>
                    <a:pt x="3633" y="2113"/>
                  </a:cubicBezTo>
                  <a:cubicBezTo>
                    <a:pt x="3632" y="2113"/>
                    <a:pt x="3631" y="2113"/>
                    <a:pt x="3630" y="2113"/>
                  </a:cubicBezTo>
                  <a:cubicBezTo>
                    <a:pt x="3469" y="2105"/>
                    <a:pt x="2808" y="1"/>
                    <a:pt x="2808"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14" name="Google Shape;714;p28"/>
            <p:cNvSpPr/>
            <p:nvPr/>
          </p:nvSpPr>
          <p:spPr>
            <a:xfrm flipH="1">
              <a:off x="7936846" y="2859206"/>
              <a:ext cx="413434" cy="245445"/>
            </a:xfrm>
            <a:custGeom>
              <a:avLst/>
              <a:gdLst/>
              <a:ahLst/>
              <a:cxnLst/>
              <a:rect l="l" t="t" r="r" b="b"/>
              <a:pathLst>
                <a:path w="6551" h="3889" extrusionOk="0">
                  <a:moveTo>
                    <a:pt x="798" y="0"/>
                  </a:moveTo>
                  <a:cubicBezTo>
                    <a:pt x="365" y="0"/>
                    <a:pt x="1" y="352"/>
                    <a:pt x="1" y="799"/>
                  </a:cubicBezTo>
                  <a:lnTo>
                    <a:pt x="1" y="1025"/>
                  </a:lnTo>
                  <a:cubicBezTo>
                    <a:pt x="1" y="1821"/>
                    <a:pt x="586" y="2495"/>
                    <a:pt x="1374" y="2607"/>
                  </a:cubicBezTo>
                  <a:lnTo>
                    <a:pt x="4758" y="3086"/>
                  </a:lnTo>
                  <a:cubicBezTo>
                    <a:pt x="4858" y="3100"/>
                    <a:pt x="4953" y="3138"/>
                    <a:pt x="5035" y="3197"/>
                  </a:cubicBezTo>
                  <a:lnTo>
                    <a:pt x="6004" y="3889"/>
                  </a:lnTo>
                  <a:lnTo>
                    <a:pt x="6550" y="2892"/>
                  </a:lnTo>
                  <a:lnTo>
                    <a:pt x="5190" y="2211"/>
                  </a:lnTo>
                  <a:cubicBezTo>
                    <a:pt x="5018" y="2125"/>
                    <a:pt x="4910" y="1950"/>
                    <a:pt x="4910" y="1759"/>
                  </a:cubicBezTo>
                  <a:lnTo>
                    <a:pt x="4910" y="1261"/>
                  </a:lnTo>
                  <a:cubicBezTo>
                    <a:pt x="4910" y="867"/>
                    <a:pt x="4621" y="533"/>
                    <a:pt x="4231" y="477"/>
                  </a:cubicBezTo>
                  <a:lnTo>
                    <a:pt x="912" y="8"/>
                  </a:lnTo>
                  <a:cubicBezTo>
                    <a:pt x="873" y="3"/>
                    <a:pt x="835" y="0"/>
                    <a:pt x="798"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15" name="Google Shape;715;p28"/>
            <p:cNvSpPr/>
            <p:nvPr/>
          </p:nvSpPr>
          <p:spPr>
            <a:xfrm flipH="1">
              <a:off x="5576848" y="3674556"/>
              <a:ext cx="2331410" cy="330457"/>
            </a:xfrm>
            <a:custGeom>
              <a:avLst/>
              <a:gdLst/>
              <a:ahLst/>
              <a:cxnLst/>
              <a:rect l="l" t="t" r="r" b="b"/>
              <a:pathLst>
                <a:path w="36942" h="5236" extrusionOk="0">
                  <a:moveTo>
                    <a:pt x="18471" y="1"/>
                  </a:moveTo>
                  <a:cubicBezTo>
                    <a:pt x="8270" y="1"/>
                    <a:pt x="0" y="3205"/>
                    <a:pt x="0" y="3928"/>
                  </a:cubicBezTo>
                  <a:cubicBezTo>
                    <a:pt x="0" y="4650"/>
                    <a:pt x="8270" y="5235"/>
                    <a:pt x="18471" y="5235"/>
                  </a:cubicBezTo>
                  <a:cubicBezTo>
                    <a:pt x="28672" y="5235"/>
                    <a:pt x="36942" y="4650"/>
                    <a:pt x="36942" y="3928"/>
                  </a:cubicBezTo>
                  <a:cubicBezTo>
                    <a:pt x="36942" y="3205"/>
                    <a:pt x="28671" y="1"/>
                    <a:pt x="18471"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16" name="Google Shape;716;p28"/>
            <p:cNvSpPr/>
            <p:nvPr/>
          </p:nvSpPr>
          <p:spPr>
            <a:xfrm flipH="1">
              <a:off x="5581202" y="2513728"/>
              <a:ext cx="2295437" cy="606764"/>
            </a:xfrm>
            <a:custGeom>
              <a:avLst/>
              <a:gdLst/>
              <a:ahLst/>
              <a:cxnLst/>
              <a:rect l="l" t="t" r="r" b="b"/>
              <a:pathLst>
                <a:path w="36372" h="9614" extrusionOk="0">
                  <a:moveTo>
                    <a:pt x="6857" y="1"/>
                  </a:moveTo>
                  <a:lnTo>
                    <a:pt x="479" y="6657"/>
                  </a:lnTo>
                  <a:lnTo>
                    <a:pt x="1" y="9431"/>
                  </a:lnTo>
                  <a:lnTo>
                    <a:pt x="18041" y="9614"/>
                  </a:lnTo>
                  <a:lnTo>
                    <a:pt x="36372" y="9614"/>
                  </a:lnTo>
                  <a:lnTo>
                    <a:pt x="36043" y="6973"/>
                  </a:lnTo>
                  <a:lnTo>
                    <a:pt x="29364" y="25"/>
                  </a:lnTo>
                  <a:lnTo>
                    <a:pt x="6857" y="1"/>
                  </a:ln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17" name="Google Shape;717;p28"/>
            <p:cNvSpPr/>
            <p:nvPr/>
          </p:nvSpPr>
          <p:spPr>
            <a:xfrm flipH="1">
              <a:off x="5419451" y="2470938"/>
              <a:ext cx="2637114" cy="1464652"/>
            </a:xfrm>
            <a:custGeom>
              <a:avLst/>
              <a:gdLst/>
              <a:ahLst/>
              <a:cxnLst/>
              <a:rect l="l" t="t" r="r" b="b"/>
              <a:pathLst>
                <a:path w="41786" h="23207" extrusionOk="0">
                  <a:moveTo>
                    <a:pt x="30830" y="1218"/>
                  </a:moveTo>
                  <a:cubicBezTo>
                    <a:pt x="31849" y="1218"/>
                    <a:pt x="32808" y="1702"/>
                    <a:pt x="33412" y="2523"/>
                  </a:cubicBezTo>
                  <a:lnTo>
                    <a:pt x="37399" y="7940"/>
                  </a:lnTo>
                  <a:cubicBezTo>
                    <a:pt x="37743" y="8409"/>
                    <a:pt x="37410" y="9071"/>
                    <a:pt x="36828" y="9071"/>
                  </a:cubicBezTo>
                  <a:lnTo>
                    <a:pt x="4958" y="9071"/>
                  </a:lnTo>
                  <a:cubicBezTo>
                    <a:pt x="4376" y="9071"/>
                    <a:pt x="4041" y="8409"/>
                    <a:pt x="4385" y="7941"/>
                  </a:cubicBezTo>
                  <a:lnTo>
                    <a:pt x="8372" y="2523"/>
                  </a:lnTo>
                  <a:cubicBezTo>
                    <a:pt x="8977" y="1702"/>
                    <a:pt x="9935" y="1218"/>
                    <a:pt x="10955" y="1218"/>
                  </a:cubicBezTo>
                  <a:close/>
                  <a:moveTo>
                    <a:pt x="10766" y="0"/>
                  </a:moveTo>
                  <a:cubicBezTo>
                    <a:pt x="9324" y="0"/>
                    <a:pt x="7941" y="686"/>
                    <a:pt x="6922" y="1906"/>
                  </a:cubicBezTo>
                  <a:lnTo>
                    <a:pt x="2843" y="6788"/>
                  </a:lnTo>
                  <a:cubicBezTo>
                    <a:pt x="1954" y="7851"/>
                    <a:pt x="1212" y="9030"/>
                    <a:pt x="636" y="10291"/>
                  </a:cubicBezTo>
                  <a:lnTo>
                    <a:pt x="631" y="10302"/>
                  </a:lnTo>
                  <a:cubicBezTo>
                    <a:pt x="216" y="11213"/>
                    <a:pt x="1" y="12202"/>
                    <a:pt x="1" y="13203"/>
                  </a:cubicBezTo>
                  <a:lnTo>
                    <a:pt x="1" y="20448"/>
                  </a:lnTo>
                  <a:cubicBezTo>
                    <a:pt x="1" y="21971"/>
                    <a:pt x="1236" y="23207"/>
                    <a:pt x="2760" y="23207"/>
                  </a:cubicBezTo>
                  <a:lnTo>
                    <a:pt x="7474" y="23207"/>
                  </a:lnTo>
                  <a:lnTo>
                    <a:pt x="7474" y="23104"/>
                  </a:lnTo>
                  <a:cubicBezTo>
                    <a:pt x="7474" y="21825"/>
                    <a:pt x="8512" y="20788"/>
                    <a:pt x="9792" y="20788"/>
                  </a:cubicBezTo>
                  <a:lnTo>
                    <a:pt x="31993" y="20788"/>
                  </a:lnTo>
                  <a:cubicBezTo>
                    <a:pt x="33273" y="20788"/>
                    <a:pt x="34311" y="21825"/>
                    <a:pt x="34311" y="23104"/>
                  </a:cubicBezTo>
                  <a:lnTo>
                    <a:pt x="34311" y="23207"/>
                  </a:lnTo>
                  <a:lnTo>
                    <a:pt x="39026" y="23207"/>
                  </a:lnTo>
                  <a:cubicBezTo>
                    <a:pt x="40550" y="23207"/>
                    <a:pt x="41785" y="21971"/>
                    <a:pt x="41785" y="20448"/>
                  </a:cubicBezTo>
                  <a:lnTo>
                    <a:pt x="41785" y="13213"/>
                  </a:lnTo>
                  <a:cubicBezTo>
                    <a:pt x="41785" y="12205"/>
                    <a:pt x="41567" y="11210"/>
                    <a:pt x="41146" y="10294"/>
                  </a:cubicBezTo>
                  <a:cubicBezTo>
                    <a:pt x="40565" y="9031"/>
                    <a:pt x="39817" y="7851"/>
                    <a:pt x="38921" y="6788"/>
                  </a:cubicBezTo>
                  <a:lnTo>
                    <a:pt x="34798" y="1889"/>
                  </a:lnTo>
                  <a:cubicBezTo>
                    <a:pt x="33780" y="680"/>
                    <a:pt x="32403" y="0"/>
                    <a:pt x="30969"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18" name="Google Shape;718;p28"/>
            <p:cNvSpPr/>
            <p:nvPr/>
          </p:nvSpPr>
          <p:spPr>
            <a:xfrm flipH="1">
              <a:off x="5672207" y="3193008"/>
              <a:ext cx="2131666" cy="443302"/>
            </a:xfrm>
            <a:custGeom>
              <a:avLst/>
              <a:gdLst/>
              <a:ahLst/>
              <a:cxnLst/>
              <a:rect l="l" t="t" r="r" b="b"/>
              <a:pathLst>
                <a:path w="33777" h="7024" extrusionOk="0">
                  <a:moveTo>
                    <a:pt x="0" y="0"/>
                  </a:moveTo>
                  <a:lnTo>
                    <a:pt x="0" y="1365"/>
                  </a:lnTo>
                  <a:lnTo>
                    <a:pt x="0" y="1467"/>
                  </a:lnTo>
                  <a:lnTo>
                    <a:pt x="2156" y="1467"/>
                  </a:lnTo>
                  <a:lnTo>
                    <a:pt x="2156" y="7023"/>
                  </a:lnTo>
                  <a:lnTo>
                    <a:pt x="31620" y="7023"/>
                  </a:lnTo>
                  <a:lnTo>
                    <a:pt x="31620" y="1467"/>
                  </a:lnTo>
                  <a:lnTo>
                    <a:pt x="33777" y="1467"/>
                  </a:lnTo>
                  <a:lnTo>
                    <a:pt x="33777" y="1365"/>
                  </a:lnTo>
                  <a:lnTo>
                    <a:pt x="33777"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19" name="Google Shape;719;p28"/>
            <p:cNvSpPr/>
            <p:nvPr/>
          </p:nvSpPr>
          <p:spPr>
            <a:xfrm flipH="1">
              <a:off x="5480352" y="3279093"/>
              <a:ext cx="421449" cy="264820"/>
            </a:xfrm>
            <a:custGeom>
              <a:avLst/>
              <a:gdLst/>
              <a:ahLst/>
              <a:cxnLst/>
              <a:rect l="l" t="t" r="r" b="b"/>
              <a:pathLst>
                <a:path w="6678" h="4196" extrusionOk="0">
                  <a:moveTo>
                    <a:pt x="0" y="1"/>
                  </a:moveTo>
                  <a:lnTo>
                    <a:pt x="0" y="4195"/>
                  </a:lnTo>
                  <a:lnTo>
                    <a:pt x="4779" y="3599"/>
                  </a:lnTo>
                  <a:cubicBezTo>
                    <a:pt x="5864" y="3464"/>
                    <a:pt x="6678" y="2540"/>
                    <a:pt x="6678" y="1448"/>
                  </a:cubicBezTo>
                  <a:lnTo>
                    <a:pt x="6678"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20" name="Google Shape;720;p28"/>
            <p:cNvSpPr/>
            <p:nvPr/>
          </p:nvSpPr>
          <p:spPr>
            <a:xfrm flipH="1">
              <a:off x="7574279" y="3279093"/>
              <a:ext cx="421449" cy="264820"/>
            </a:xfrm>
            <a:custGeom>
              <a:avLst/>
              <a:gdLst/>
              <a:ahLst/>
              <a:cxnLst/>
              <a:rect l="l" t="t" r="r" b="b"/>
              <a:pathLst>
                <a:path w="6678" h="4196" extrusionOk="0">
                  <a:moveTo>
                    <a:pt x="0" y="1"/>
                  </a:moveTo>
                  <a:lnTo>
                    <a:pt x="0" y="1448"/>
                  </a:lnTo>
                  <a:cubicBezTo>
                    <a:pt x="0" y="2540"/>
                    <a:pt x="815" y="3464"/>
                    <a:pt x="1899" y="3599"/>
                  </a:cubicBezTo>
                  <a:lnTo>
                    <a:pt x="6678" y="4195"/>
                  </a:lnTo>
                  <a:lnTo>
                    <a:pt x="6678"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21" name="Google Shape;721;p28"/>
            <p:cNvSpPr/>
            <p:nvPr/>
          </p:nvSpPr>
          <p:spPr>
            <a:xfrm flipH="1">
              <a:off x="6838732" y="2470938"/>
              <a:ext cx="1126009" cy="557599"/>
            </a:xfrm>
            <a:custGeom>
              <a:avLst/>
              <a:gdLst/>
              <a:ahLst/>
              <a:cxnLst/>
              <a:rect l="l" t="t" r="r" b="b"/>
              <a:pathLst>
                <a:path w="17842" h="8835" extrusionOk="0">
                  <a:moveTo>
                    <a:pt x="9311" y="0"/>
                  </a:moveTo>
                  <a:cubicBezTo>
                    <a:pt x="7869" y="0"/>
                    <a:pt x="6487" y="686"/>
                    <a:pt x="5467" y="1906"/>
                  </a:cubicBezTo>
                  <a:lnTo>
                    <a:pt x="1388" y="6788"/>
                  </a:lnTo>
                  <a:cubicBezTo>
                    <a:pt x="872" y="7405"/>
                    <a:pt x="412" y="8064"/>
                    <a:pt x="0" y="8752"/>
                  </a:cubicBezTo>
                  <a:cubicBezTo>
                    <a:pt x="385" y="8800"/>
                    <a:pt x="835" y="8834"/>
                    <a:pt x="1338" y="8834"/>
                  </a:cubicBezTo>
                  <a:cubicBezTo>
                    <a:pt x="1814" y="8834"/>
                    <a:pt x="2337" y="8804"/>
                    <a:pt x="2898" y="8726"/>
                  </a:cubicBezTo>
                  <a:cubicBezTo>
                    <a:pt x="2761" y="8495"/>
                    <a:pt x="2746" y="8191"/>
                    <a:pt x="2932" y="7941"/>
                  </a:cubicBezTo>
                  <a:lnTo>
                    <a:pt x="6917" y="2524"/>
                  </a:lnTo>
                  <a:cubicBezTo>
                    <a:pt x="7522" y="1703"/>
                    <a:pt x="8480" y="1218"/>
                    <a:pt x="9500" y="1218"/>
                  </a:cubicBezTo>
                  <a:lnTo>
                    <a:pt x="17666" y="1218"/>
                  </a:lnTo>
                  <a:cubicBezTo>
                    <a:pt x="17841" y="798"/>
                    <a:pt x="17830" y="390"/>
                    <a:pt x="17588" y="0"/>
                  </a:cubicBezTo>
                  <a:close/>
                </a:path>
              </a:pathLst>
            </a:custGeom>
            <a:solidFill>
              <a:srgbClr val="FFFFFF">
                <a:alpha val="3987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22" name="Google Shape;722;p28"/>
            <p:cNvSpPr/>
            <p:nvPr/>
          </p:nvSpPr>
          <p:spPr>
            <a:xfrm flipH="1">
              <a:off x="5131670" y="2859206"/>
              <a:ext cx="413307" cy="245445"/>
            </a:xfrm>
            <a:custGeom>
              <a:avLst/>
              <a:gdLst/>
              <a:ahLst/>
              <a:cxnLst/>
              <a:rect l="l" t="t" r="r" b="b"/>
              <a:pathLst>
                <a:path w="6549" h="3889" extrusionOk="0">
                  <a:moveTo>
                    <a:pt x="5752" y="0"/>
                  </a:moveTo>
                  <a:cubicBezTo>
                    <a:pt x="5714" y="0"/>
                    <a:pt x="5676" y="3"/>
                    <a:pt x="5638" y="8"/>
                  </a:cubicBezTo>
                  <a:lnTo>
                    <a:pt x="2320" y="477"/>
                  </a:lnTo>
                  <a:cubicBezTo>
                    <a:pt x="1930" y="533"/>
                    <a:pt x="1640" y="867"/>
                    <a:pt x="1640" y="1261"/>
                  </a:cubicBezTo>
                  <a:lnTo>
                    <a:pt x="1640" y="1759"/>
                  </a:lnTo>
                  <a:cubicBezTo>
                    <a:pt x="1640" y="1950"/>
                    <a:pt x="1532" y="2125"/>
                    <a:pt x="1361" y="2211"/>
                  </a:cubicBezTo>
                  <a:lnTo>
                    <a:pt x="0" y="2892"/>
                  </a:lnTo>
                  <a:lnTo>
                    <a:pt x="547" y="3889"/>
                  </a:lnTo>
                  <a:lnTo>
                    <a:pt x="1515" y="3197"/>
                  </a:lnTo>
                  <a:cubicBezTo>
                    <a:pt x="1597" y="3138"/>
                    <a:pt x="1691" y="3100"/>
                    <a:pt x="1792" y="3086"/>
                  </a:cubicBezTo>
                  <a:lnTo>
                    <a:pt x="5176" y="2607"/>
                  </a:lnTo>
                  <a:cubicBezTo>
                    <a:pt x="5964" y="2495"/>
                    <a:pt x="6549" y="1821"/>
                    <a:pt x="6549" y="1025"/>
                  </a:cubicBezTo>
                  <a:lnTo>
                    <a:pt x="6549" y="799"/>
                  </a:lnTo>
                  <a:cubicBezTo>
                    <a:pt x="6549" y="352"/>
                    <a:pt x="6184" y="0"/>
                    <a:pt x="5752"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23" name="Google Shape;723;p28"/>
            <p:cNvSpPr/>
            <p:nvPr/>
          </p:nvSpPr>
          <p:spPr>
            <a:xfrm flipH="1">
              <a:off x="7732054" y="3742276"/>
              <a:ext cx="202394" cy="90882"/>
            </a:xfrm>
            <a:custGeom>
              <a:avLst/>
              <a:gdLst/>
              <a:ahLst/>
              <a:cxnLst/>
              <a:rect l="l" t="t" r="r" b="b"/>
              <a:pathLst>
                <a:path w="3207" h="1440" extrusionOk="0">
                  <a:moveTo>
                    <a:pt x="721" y="1"/>
                  </a:moveTo>
                  <a:cubicBezTo>
                    <a:pt x="323" y="1"/>
                    <a:pt x="1" y="322"/>
                    <a:pt x="1" y="720"/>
                  </a:cubicBezTo>
                  <a:cubicBezTo>
                    <a:pt x="1" y="1117"/>
                    <a:pt x="323" y="1440"/>
                    <a:pt x="721" y="1440"/>
                  </a:cubicBezTo>
                  <a:lnTo>
                    <a:pt x="2487" y="1440"/>
                  </a:lnTo>
                  <a:cubicBezTo>
                    <a:pt x="2884" y="1440"/>
                    <a:pt x="3206" y="1117"/>
                    <a:pt x="3206" y="720"/>
                  </a:cubicBezTo>
                  <a:cubicBezTo>
                    <a:pt x="3206" y="322"/>
                    <a:pt x="2884" y="1"/>
                    <a:pt x="2487"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24" name="Google Shape;724;p28"/>
            <p:cNvSpPr/>
            <p:nvPr/>
          </p:nvSpPr>
          <p:spPr>
            <a:xfrm flipH="1">
              <a:off x="5541632" y="3742276"/>
              <a:ext cx="202394" cy="90882"/>
            </a:xfrm>
            <a:custGeom>
              <a:avLst/>
              <a:gdLst/>
              <a:ahLst/>
              <a:cxnLst/>
              <a:rect l="l" t="t" r="r" b="b"/>
              <a:pathLst>
                <a:path w="3207" h="1440" extrusionOk="0">
                  <a:moveTo>
                    <a:pt x="721" y="1"/>
                  </a:moveTo>
                  <a:cubicBezTo>
                    <a:pt x="323" y="1"/>
                    <a:pt x="1" y="322"/>
                    <a:pt x="1" y="720"/>
                  </a:cubicBezTo>
                  <a:cubicBezTo>
                    <a:pt x="1" y="1117"/>
                    <a:pt x="323" y="1440"/>
                    <a:pt x="721" y="1440"/>
                  </a:cubicBezTo>
                  <a:lnTo>
                    <a:pt x="2487" y="1440"/>
                  </a:lnTo>
                  <a:cubicBezTo>
                    <a:pt x="2884" y="1440"/>
                    <a:pt x="3206" y="1117"/>
                    <a:pt x="3206" y="720"/>
                  </a:cubicBezTo>
                  <a:cubicBezTo>
                    <a:pt x="3206" y="322"/>
                    <a:pt x="2884" y="1"/>
                    <a:pt x="2487"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25" name="Google Shape;725;p28"/>
            <p:cNvSpPr/>
            <p:nvPr/>
          </p:nvSpPr>
          <p:spPr>
            <a:xfrm flipH="1">
              <a:off x="7278483" y="2208390"/>
              <a:ext cx="102806" cy="105840"/>
            </a:xfrm>
            <a:custGeom>
              <a:avLst/>
              <a:gdLst/>
              <a:ahLst/>
              <a:cxnLst/>
              <a:rect l="l" t="t" r="r" b="b"/>
              <a:pathLst>
                <a:path w="1629" h="1677" extrusionOk="0">
                  <a:moveTo>
                    <a:pt x="1343" y="0"/>
                  </a:moveTo>
                  <a:cubicBezTo>
                    <a:pt x="1274" y="0"/>
                    <a:pt x="1204" y="29"/>
                    <a:pt x="1153" y="85"/>
                  </a:cubicBezTo>
                  <a:lnTo>
                    <a:pt x="95" y="1245"/>
                  </a:lnTo>
                  <a:cubicBezTo>
                    <a:pt x="0" y="1351"/>
                    <a:pt x="7" y="1513"/>
                    <a:pt x="113" y="1609"/>
                  </a:cubicBezTo>
                  <a:cubicBezTo>
                    <a:pt x="162" y="1654"/>
                    <a:pt x="224" y="1676"/>
                    <a:pt x="285" y="1676"/>
                  </a:cubicBezTo>
                  <a:cubicBezTo>
                    <a:pt x="355" y="1676"/>
                    <a:pt x="425" y="1648"/>
                    <a:pt x="476" y="1592"/>
                  </a:cubicBezTo>
                  <a:lnTo>
                    <a:pt x="1533" y="430"/>
                  </a:lnTo>
                  <a:cubicBezTo>
                    <a:pt x="1628" y="326"/>
                    <a:pt x="1621" y="162"/>
                    <a:pt x="1516" y="67"/>
                  </a:cubicBezTo>
                  <a:cubicBezTo>
                    <a:pt x="1467" y="22"/>
                    <a:pt x="1405" y="0"/>
                    <a:pt x="1343"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26" name="Google Shape;726;p28"/>
            <p:cNvSpPr/>
            <p:nvPr/>
          </p:nvSpPr>
          <p:spPr>
            <a:xfrm flipH="1">
              <a:off x="7071860" y="2210220"/>
              <a:ext cx="136949" cy="90125"/>
            </a:xfrm>
            <a:custGeom>
              <a:avLst/>
              <a:gdLst/>
              <a:ahLst/>
              <a:cxnLst/>
              <a:rect l="l" t="t" r="r" b="b"/>
              <a:pathLst>
                <a:path w="2170" h="1428" extrusionOk="0">
                  <a:moveTo>
                    <a:pt x="1877" y="0"/>
                  </a:moveTo>
                  <a:cubicBezTo>
                    <a:pt x="1833" y="0"/>
                    <a:pt x="1789" y="11"/>
                    <a:pt x="1748" y="35"/>
                  </a:cubicBezTo>
                  <a:lnTo>
                    <a:pt x="165" y="949"/>
                  </a:lnTo>
                  <a:cubicBezTo>
                    <a:pt x="42" y="1019"/>
                    <a:pt x="0" y="1176"/>
                    <a:pt x="71" y="1299"/>
                  </a:cubicBezTo>
                  <a:cubicBezTo>
                    <a:pt x="118" y="1382"/>
                    <a:pt x="205" y="1428"/>
                    <a:pt x="294" y="1428"/>
                  </a:cubicBezTo>
                  <a:cubicBezTo>
                    <a:pt x="337" y="1428"/>
                    <a:pt x="382" y="1417"/>
                    <a:pt x="422" y="1393"/>
                  </a:cubicBezTo>
                  <a:lnTo>
                    <a:pt x="2005" y="479"/>
                  </a:lnTo>
                  <a:cubicBezTo>
                    <a:pt x="2128" y="408"/>
                    <a:pt x="2170" y="251"/>
                    <a:pt x="2099" y="129"/>
                  </a:cubicBezTo>
                  <a:cubicBezTo>
                    <a:pt x="2052" y="47"/>
                    <a:pt x="1965" y="0"/>
                    <a:pt x="1877"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27" name="Google Shape;727;p28"/>
            <p:cNvSpPr/>
            <p:nvPr/>
          </p:nvSpPr>
          <p:spPr>
            <a:xfrm flipH="1">
              <a:off x="7050845" y="2363142"/>
              <a:ext cx="148119" cy="58063"/>
            </a:xfrm>
            <a:custGeom>
              <a:avLst/>
              <a:gdLst/>
              <a:ahLst/>
              <a:cxnLst/>
              <a:rect l="l" t="t" r="r" b="b"/>
              <a:pathLst>
                <a:path w="2347" h="920" extrusionOk="0">
                  <a:moveTo>
                    <a:pt x="281" y="0"/>
                  </a:moveTo>
                  <a:cubicBezTo>
                    <a:pt x="164" y="0"/>
                    <a:pt x="59" y="81"/>
                    <a:pt x="31" y="200"/>
                  </a:cubicBezTo>
                  <a:cubicBezTo>
                    <a:pt x="0" y="339"/>
                    <a:pt x="87" y="476"/>
                    <a:pt x="226" y="508"/>
                  </a:cubicBezTo>
                  <a:lnTo>
                    <a:pt x="2008" y="913"/>
                  </a:lnTo>
                  <a:cubicBezTo>
                    <a:pt x="2027" y="917"/>
                    <a:pt x="2047" y="919"/>
                    <a:pt x="2066" y="919"/>
                  </a:cubicBezTo>
                  <a:cubicBezTo>
                    <a:pt x="2183" y="919"/>
                    <a:pt x="2288" y="838"/>
                    <a:pt x="2316" y="719"/>
                  </a:cubicBezTo>
                  <a:cubicBezTo>
                    <a:pt x="2347" y="581"/>
                    <a:pt x="2260" y="443"/>
                    <a:pt x="2122" y="412"/>
                  </a:cubicBezTo>
                  <a:lnTo>
                    <a:pt x="339" y="7"/>
                  </a:lnTo>
                  <a:cubicBezTo>
                    <a:pt x="320" y="3"/>
                    <a:pt x="301" y="0"/>
                    <a:pt x="281"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28" name="Google Shape;728;p28"/>
            <p:cNvSpPr/>
            <p:nvPr/>
          </p:nvSpPr>
          <p:spPr>
            <a:xfrm flipH="1">
              <a:off x="7695703" y="2379929"/>
              <a:ext cx="132279" cy="36605"/>
            </a:xfrm>
            <a:custGeom>
              <a:avLst/>
              <a:gdLst/>
              <a:ahLst/>
              <a:cxnLst/>
              <a:rect l="l" t="t" r="r" b="b"/>
              <a:pathLst>
                <a:path w="2096" h="580" extrusionOk="0">
                  <a:moveTo>
                    <a:pt x="263" y="0"/>
                  </a:moveTo>
                  <a:cubicBezTo>
                    <a:pt x="127" y="0"/>
                    <a:pt x="13" y="109"/>
                    <a:pt x="7" y="246"/>
                  </a:cubicBezTo>
                  <a:cubicBezTo>
                    <a:pt x="1" y="388"/>
                    <a:pt x="111" y="508"/>
                    <a:pt x="253" y="513"/>
                  </a:cubicBezTo>
                  <a:lnTo>
                    <a:pt x="1822" y="579"/>
                  </a:lnTo>
                  <a:cubicBezTo>
                    <a:pt x="1826" y="580"/>
                    <a:pt x="1830" y="580"/>
                    <a:pt x="1833" y="580"/>
                  </a:cubicBezTo>
                  <a:cubicBezTo>
                    <a:pt x="1970" y="580"/>
                    <a:pt x="2084" y="472"/>
                    <a:pt x="2090" y="334"/>
                  </a:cubicBezTo>
                  <a:cubicBezTo>
                    <a:pt x="2096" y="192"/>
                    <a:pt x="1985" y="73"/>
                    <a:pt x="1844" y="67"/>
                  </a:cubicBezTo>
                  <a:lnTo>
                    <a:pt x="275" y="0"/>
                  </a:lnTo>
                  <a:cubicBezTo>
                    <a:pt x="271" y="0"/>
                    <a:pt x="267" y="0"/>
                    <a:pt x="263"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29" name="Google Shape;729;p28"/>
            <p:cNvSpPr/>
            <p:nvPr/>
          </p:nvSpPr>
          <p:spPr>
            <a:xfrm flipH="1">
              <a:off x="7825836" y="2497256"/>
              <a:ext cx="147362" cy="62923"/>
            </a:xfrm>
            <a:custGeom>
              <a:avLst/>
              <a:gdLst/>
              <a:ahLst/>
              <a:cxnLst/>
              <a:rect l="l" t="t" r="r" b="b"/>
              <a:pathLst>
                <a:path w="2335" h="997" extrusionOk="0">
                  <a:moveTo>
                    <a:pt x="2050" y="0"/>
                  </a:moveTo>
                  <a:cubicBezTo>
                    <a:pt x="2027" y="0"/>
                    <a:pt x="2005" y="3"/>
                    <a:pt x="1982" y="9"/>
                  </a:cubicBezTo>
                  <a:lnTo>
                    <a:pt x="219" y="491"/>
                  </a:lnTo>
                  <a:cubicBezTo>
                    <a:pt x="81" y="528"/>
                    <a:pt x="1" y="670"/>
                    <a:pt x="38" y="806"/>
                  </a:cubicBezTo>
                  <a:cubicBezTo>
                    <a:pt x="70" y="921"/>
                    <a:pt x="173" y="996"/>
                    <a:pt x="286" y="996"/>
                  </a:cubicBezTo>
                  <a:cubicBezTo>
                    <a:pt x="309" y="996"/>
                    <a:pt x="332" y="993"/>
                    <a:pt x="354" y="987"/>
                  </a:cubicBezTo>
                  <a:lnTo>
                    <a:pt x="2118" y="506"/>
                  </a:lnTo>
                  <a:cubicBezTo>
                    <a:pt x="2254" y="468"/>
                    <a:pt x="2335" y="327"/>
                    <a:pt x="2297" y="190"/>
                  </a:cubicBezTo>
                  <a:cubicBezTo>
                    <a:pt x="2266" y="75"/>
                    <a:pt x="2163" y="0"/>
                    <a:pt x="2050"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30" name="Google Shape;730;p28"/>
            <p:cNvSpPr/>
            <p:nvPr/>
          </p:nvSpPr>
          <p:spPr>
            <a:xfrm flipH="1">
              <a:off x="7764051" y="2570782"/>
              <a:ext cx="98136" cy="130454"/>
            </a:xfrm>
            <a:custGeom>
              <a:avLst/>
              <a:gdLst/>
              <a:ahLst/>
              <a:cxnLst/>
              <a:rect l="l" t="t" r="r" b="b"/>
              <a:pathLst>
                <a:path w="1555" h="2067" extrusionOk="0">
                  <a:moveTo>
                    <a:pt x="1262" y="1"/>
                  </a:moveTo>
                  <a:cubicBezTo>
                    <a:pt x="1176" y="1"/>
                    <a:pt x="1092" y="43"/>
                    <a:pt x="1043" y="122"/>
                  </a:cubicBezTo>
                  <a:lnTo>
                    <a:pt x="76" y="1674"/>
                  </a:lnTo>
                  <a:cubicBezTo>
                    <a:pt x="1" y="1793"/>
                    <a:pt x="38" y="1953"/>
                    <a:pt x="158" y="2027"/>
                  </a:cubicBezTo>
                  <a:cubicBezTo>
                    <a:pt x="201" y="2054"/>
                    <a:pt x="248" y="2066"/>
                    <a:pt x="294" y="2066"/>
                  </a:cubicBezTo>
                  <a:cubicBezTo>
                    <a:pt x="380" y="2066"/>
                    <a:pt x="464" y="2023"/>
                    <a:pt x="513" y="1945"/>
                  </a:cubicBezTo>
                  <a:lnTo>
                    <a:pt x="1479" y="394"/>
                  </a:lnTo>
                  <a:cubicBezTo>
                    <a:pt x="1555" y="273"/>
                    <a:pt x="1517" y="115"/>
                    <a:pt x="1397" y="39"/>
                  </a:cubicBezTo>
                  <a:cubicBezTo>
                    <a:pt x="1355" y="13"/>
                    <a:pt x="1308" y="1"/>
                    <a:pt x="1262"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31" name="Google Shape;731;p28"/>
            <p:cNvSpPr/>
            <p:nvPr/>
          </p:nvSpPr>
          <p:spPr>
            <a:xfrm flipH="1">
              <a:off x="6742489" y="2547809"/>
              <a:ext cx="930305" cy="495686"/>
            </a:xfrm>
            <a:custGeom>
              <a:avLst/>
              <a:gdLst/>
              <a:ahLst/>
              <a:cxnLst/>
              <a:rect l="l" t="t" r="r" b="b"/>
              <a:pathLst>
                <a:path w="14741" h="7854" extrusionOk="0">
                  <a:moveTo>
                    <a:pt x="10551" y="0"/>
                  </a:moveTo>
                  <a:lnTo>
                    <a:pt x="1" y="7853"/>
                  </a:lnTo>
                  <a:lnTo>
                    <a:pt x="4267" y="7853"/>
                  </a:lnTo>
                  <a:lnTo>
                    <a:pt x="14740" y="0"/>
                  </a:ln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32" name="Google Shape;732;p28"/>
            <p:cNvSpPr/>
            <p:nvPr/>
          </p:nvSpPr>
          <p:spPr>
            <a:xfrm flipH="1">
              <a:off x="6517502" y="2547809"/>
              <a:ext cx="789948" cy="495686"/>
            </a:xfrm>
            <a:custGeom>
              <a:avLst/>
              <a:gdLst/>
              <a:ahLst/>
              <a:cxnLst/>
              <a:rect l="l" t="t" r="r" b="b"/>
              <a:pathLst>
                <a:path w="12517" h="7854" extrusionOk="0">
                  <a:moveTo>
                    <a:pt x="10550" y="0"/>
                  </a:moveTo>
                  <a:lnTo>
                    <a:pt x="0" y="7853"/>
                  </a:lnTo>
                  <a:lnTo>
                    <a:pt x="2224" y="7853"/>
                  </a:lnTo>
                  <a:lnTo>
                    <a:pt x="12516" y="0"/>
                  </a:ln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sp>
          <p:nvSpPr>
            <p:cNvPr id="733" name="Google Shape;733;p28"/>
            <p:cNvSpPr/>
            <p:nvPr/>
          </p:nvSpPr>
          <p:spPr>
            <a:xfrm flipH="1">
              <a:off x="5078279" y="2072635"/>
              <a:ext cx="133099" cy="116695"/>
            </a:xfrm>
            <a:custGeom>
              <a:avLst/>
              <a:gdLst/>
              <a:ahLst/>
              <a:cxnLst/>
              <a:rect l="l" t="t" r="r" b="b"/>
              <a:pathLst>
                <a:path w="2109" h="1849" extrusionOk="0">
                  <a:moveTo>
                    <a:pt x="1698" y="1"/>
                  </a:moveTo>
                  <a:lnTo>
                    <a:pt x="1" y="530"/>
                  </a:lnTo>
                  <a:lnTo>
                    <a:pt x="411" y="1848"/>
                  </a:lnTo>
                  <a:lnTo>
                    <a:pt x="2108" y="1319"/>
                  </a:lnTo>
                  <a:lnTo>
                    <a:pt x="1698" y="1"/>
                  </a:ln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latin typeface="Arial" panose="020B0604020202020204" pitchFamily="34" charset="0"/>
                <a:cs typeface="Arial" panose="020B0604020202020204" pitchFamily="34" charset="0"/>
              </a:endParaRPr>
            </a:p>
          </p:txBody>
        </p:sp>
      </p:grpSp>
      <p:sp>
        <p:nvSpPr>
          <p:cNvPr id="4" name="Rectangle 3">
            <a:extLst>
              <a:ext uri="{FF2B5EF4-FFF2-40B4-BE49-F238E27FC236}">
                <a16:creationId xmlns:a16="http://schemas.microsoft.com/office/drawing/2014/main" xmlns="" id="{46DCE1E1-C23D-2D05-D427-E4D7F7E2CEFB}"/>
              </a:ext>
            </a:extLst>
          </p:cNvPr>
          <p:cNvSpPr/>
          <p:nvPr/>
        </p:nvSpPr>
        <p:spPr>
          <a:xfrm>
            <a:off x="2239646" y="1228379"/>
            <a:ext cx="713416" cy="706518"/>
          </a:xfrm>
          <a:prstGeom prst="rect">
            <a:avLst/>
          </a:prstGeom>
          <a:solidFill>
            <a:schemeClr val="accent6"/>
          </a:solidFill>
          <a:ln>
            <a:solidFill>
              <a:schemeClr val="accent5"/>
            </a:solidFill>
          </a:ln>
        </p:spPr>
        <p:style>
          <a:lnRef idx="2">
            <a:schemeClr val="accent1"/>
          </a:lnRef>
          <a:fillRef idx="1">
            <a:schemeClr val="lt1"/>
          </a:fillRef>
          <a:effectRef idx="0">
            <a:schemeClr val="accent1"/>
          </a:effectRef>
          <a:fontRef idx="minor">
            <a:schemeClr val="dk1"/>
          </a:fontRef>
        </p:style>
        <p:txBody>
          <a:bodyPr rtlCol="0" anchor="ctr"/>
          <a:lstStyle/>
          <a:p>
            <a:pPr algn="ctr"/>
            <a:r>
              <a:rPr lang="vi-VN" sz="3600" b="1" dirty="0">
                <a:latin typeface="Arial" panose="020B0604020202020204" pitchFamily="34" charset="0"/>
                <a:cs typeface="Arial" panose="020B0604020202020204" pitchFamily="34" charset="0"/>
              </a:rPr>
              <a:t>I.</a:t>
            </a:r>
          </a:p>
        </p:txBody>
      </p:sp>
    </p:spTree>
    <p:custDataLst>
      <p:tags r:id="rId1"/>
    </p:custDataLst>
  </p:cSld>
  <p:clrMapOvr>
    <a:masterClrMapping/>
  </p:clrMapOvr>
  <p:transition spd="slow">
    <p:fade/>
  </p:transition>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737"/>
        <p:cNvGrpSpPr/>
        <p:nvPr/>
      </p:nvGrpSpPr>
      <p:grpSpPr>
        <a:xfrm>
          <a:off x="0" y="0"/>
          <a:ext cx="0" cy="0"/>
          <a:chOff x="0" y="0"/>
          <a:chExt cx="0" cy="0"/>
        </a:xfrm>
      </p:grpSpPr>
      <p:sp>
        <p:nvSpPr>
          <p:cNvPr id="5" name="Title 4">
            <a:extLst>
              <a:ext uri="{FF2B5EF4-FFF2-40B4-BE49-F238E27FC236}">
                <a16:creationId xmlns:a16="http://schemas.microsoft.com/office/drawing/2014/main" xmlns="" id="{28435344-7EE0-B435-3AF6-9E7579377C4B}"/>
              </a:ext>
            </a:extLst>
          </p:cNvPr>
          <p:cNvSpPr>
            <a:spLocks noGrp="1"/>
          </p:cNvSpPr>
          <p:nvPr>
            <p:ph type="title"/>
          </p:nvPr>
        </p:nvSpPr>
        <p:spPr>
          <a:xfrm>
            <a:off x="720000" y="336299"/>
            <a:ext cx="7704000" cy="646500"/>
          </a:xfrm>
        </p:spPr>
        <p:txBody>
          <a:bodyPr anchor="ctr"/>
          <a:lstStyle/>
          <a:p>
            <a:pPr algn="ctr"/>
            <a:r>
              <a:rPr lang="vi-VN" sz="2400" b="1" dirty="0">
                <a:solidFill>
                  <a:srgbClr val="DC7C12"/>
                </a:solidFill>
                <a:effectLst/>
                <a:latin typeface="Arial" panose="020B0604020202020204" pitchFamily="34" charset="0"/>
                <a:cs typeface="Arial" panose="020B0604020202020204" pitchFamily="34" charset="0"/>
              </a:rPr>
              <a:t>Quan sát thông tin SGK.12 và thực hiện yêu cầu</a:t>
            </a:r>
            <a:endParaRPr lang="vi-VN" sz="2400" b="1" dirty="0">
              <a:solidFill>
                <a:srgbClr val="DC7C12"/>
              </a:solidFill>
              <a:latin typeface="Arial" panose="020B0604020202020204" pitchFamily="34" charset="0"/>
              <a:cs typeface="Arial" panose="020B0604020202020204" pitchFamily="34" charset="0"/>
            </a:endParaRPr>
          </a:p>
        </p:txBody>
      </p:sp>
      <p:grpSp>
        <p:nvGrpSpPr>
          <p:cNvPr id="12" name="Group 11">
            <a:extLst>
              <a:ext uri="{FF2B5EF4-FFF2-40B4-BE49-F238E27FC236}">
                <a16:creationId xmlns:a16="http://schemas.microsoft.com/office/drawing/2014/main" xmlns="" id="{0EAA6F9A-071F-74E1-7B69-B41CCCD58C08}"/>
              </a:ext>
            </a:extLst>
          </p:cNvPr>
          <p:cNvGrpSpPr/>
          <p:nvPr/>
        </p:nvGrpSpPr>
        <p:grpSpPr>
          <a:xfrm>
            <a:off x="3794860" y="1910685"/>
            <a:ext cx="5020694" cy="2780276"/>
            <a:chOff x="1069578" y="1903923"/>
            <a:chExt cx="5020694" cy="2780276"/>
          </a:xfrm>
        </p:grpSpPr>
        <p:grpSp>
          <p:nvGrpSpPr>
            <p:cNvPr id="13" name="Group 12">
              <a:extLst>
                <a:ext uri="{FF2B5EF4-FFF2-40B4-BE49-F238E27FC236}">
                  <a16:creationId xmlns:a16="http://schemas.microsoft.com/office/drawing/2014/main" xmlns="" id="{7880961F-D14A-2E04-17EE-21EF7C30A75A}"/>
                </a:ext>
              </a:extLst>
            </p:cNvPr>
            <p:cNvGrpSpPr/>
            <p:nvPr/>
          </p:nvGrpSpPr>
          <p:grpSpPr>
            <a:xfrm>
              <a:off x="1069578" y="1903923"/>
              <a:ext cx="5020694" cy="2780276"/>
              <a:chOff x="996092" y="1248504"/>
              <a:chExt cx="5020694" cy="2780276"/>
            </a:xfrm>
          </p:grpSpPr>
          <p:sp>
            <p:nvSpPr>
              <p:cNvPr id="15" name="Rectangle: Diagonal Corners Rounded 14">
                <a:extLst>
                  <a:ext uri="{FF2B5EF4-FFF2-40B4-BE49-F238E27FC236}">
                    <a16:creationId xmlns:a16="http://schemas.microsoft.com/office/drawing/2014/main" xmlns="" id="{13D628D4-BB87-5730-4005-6AAAFDDF16F7}"/>
                  </a:ext>
                </a:extLst>
              </p:cNvPr>
              <p:cNvSpPr/>
              <p:nvPr/>
            </p:nvSpPr>
            <p:spPr>
              <a:xfrm flipH="1">
                <a:off x="1175981" y="1506081"/>
                <a:ext cx="4840805" cy="2522699"/>
              </a:xfrm>
              <a:prstGeom prst="round2DiagRect">
                <a:avLst>
                  <a:gd name="adj1" fmla="val 22831"/>
                  <a:gd name="adj2" fmla="val 0"/>
                </a:avLst>
              </a:prstGeom>
              <a:solidFill>
                <a:srgbClr val="D7EDDD"/>
              </a:solidFill>
              <a:ln>
                <a:solidFill>
                  <a:srgbClr val="D7EDDD"/>
                </a:solidFill>
              </a:ln>
            </p:spPr>
            <p:style>
              <a:lnRef idx="2">
                <a:schemeClr val="accent1">
                  <a:shade val="15000"/>
                </a:schemeClr>
              </a:lnRef>
              <a:fillRef idx="1">
                <a:schemeClr val="accent1"/>
              </a:fillRef>
              <a:effectRef idx="0">
                <a:schemeClr val="accent1"/>
              </a:effectRef>
              <a:fontRef idx="minor">
                <a:schemeClr val="lt1"/>
              </a:fontRef>
            </p:style>
            <p:txBody>
              <a:bodyPr bIns="108000" rtlCol="0" anchor="ctr"/>
              <a:lstStyle/>
              <a:p>
                <a:pPr algn="just">
                  <a:lnSpc>
                    <a:spcPct val="150000"/>
                  </a:lnSpc>
                </a:pPr>
                <a:r>
                  <a:rPr lang="vi-VN" sz="1800" dirty="0">
                    <a:solidFill>
                      <a:srgbClr val="000000"/>
                    </a:solidFill>
                    <a:effectLst/>
                    <a:latin typeface="Arial" panose="020B0604020202020204" pitchFamily="34" charset="0"/>
                    <a:cs typeface="Arial" panose="020B0604020202020204" pitchFamily="34" charset="0"/>
                  </a:rPr>
                  <a:t>a. Cơ cấu giáo dục Việt Nam gồm các cấp học và chương trình đào tạo nào?</a:t>
                </a:r>
                <a:endParaRPr lang="vi-VN" sz="1800" dirty="0">
                  <a:effectLst/>
                  <a:latin typeface="Arial" panose="020B0604020202020204" pitchFamily="34" charset="0"/>
                  <a:cs typeface="Arial" panose="020B0604020202020204" pitchFamily="34" charset="0"/>
                </a:endParaRPr>
              </a:p>
              <a:p>
                <a:pPr algn="just">
                  <a:lnSpc>
                    <a:spcPct val="150000"/>
                  </a:lnSpc>
                </a:pPr>
                <a:r>
                  <a:rPr lang="vi-VN" sz="1800" dirty="0">
                    <a:solidFill>
                      <a:srgbClr val="000000"/>
                    </a:solidFill>
                    <a:effectLst/>
                    <a:latin typeface="Arial" panose="020B0604020202020204" pitchFamily="34" charset="0"/>
                    <a:cs typeface="Arial" panose="020B0604020202020204" pitchFamily="34" charset="0"/>
                  </a:rPr>
                  <a:t>b. Trong giáo dục phổ thông, ở những thời điểm nào học sinh có thể lựa chọn tiếp tục học ở cấp học hoặc trình độ cao hơn?</a:t>
                </a:r>
                <a:endParaRPr lang="vi-VN" sz="1800" dirty="0">
                  <a:effectLst/>
                  <a:latin typeface="Arial" panose="020B0604020202020204" pitchFamily="34" charset="0"/>
                  <a:cs typeface="Arial" panose="020B0604020202020204" pitchFamily="34" charset="0"/>
                </a:endParaRPr>
              </a:p>
            </p:txBody>
          </p:sp>
          <p:sp>
            <p:nvSpPr>
              <p:cNvPr id="16" name="Speech Bubble: Rectangle with Corners Rounded 19">
                <a:extLst>
                  <a:ext uri="{FF2B5EF4-FFF2-40B4-BE49-F238E27FC236}">
                    <a16:creationId xmlns:a16="http://schemas.microsoft.com/office/drawing/2014/main" xmlns="" id="{03E7CC1C-DC39-DFE2-5625-7C416ED5FFB4}"/>
                  </a:ext>
                </a:extLst>
              </p:cNvPr>
              <p:cNvSpPr/>
              <p:nvPr/>
            </p:nvSpPr>
            <p:spPr>
              <a:xfrm>
                <a:off x="996092" y="1248504"/>
                <a:ext cx="596723" cy="478358"/>
              </a:xfrm>
              <a:custGeom>
                <a:avLst/>
                <a:gdLst>
                  <a:gd name="connsiteX0" fmla="*/ 0 w 478358"/>
                  <a:gd name="connsiteY0" fmla="*/ 79728 h 478358"/>
                  <a:gd name="connsiteX1" fmla="*/ 79728 w 478358"/>
                  <a:gd name="connsiteY1" fmla="*/ 0 h 478358"/>
                  <a:gd name="connsiteX2" fmla="*/ 279042 w 478358"/>
                  <a:gd name="connsiteY2" fmla="*/ 0 h 478358"/>
                  <a:gd name="connsiteX3" fmla="*/ 279042 w 478358"/>
                  <a:gd name="connsiteY3" fmla="*/ 0 h 478358"/>
                  <a:gd name="connsiteX4" fmla="*/ 398632 w 478358"/>
                  <a:gd name="connsiteY4" fmla="*/ 0 h 478358"/>
                  <a:gd name="connsiteX5" fmla="*/ 398630 w 478358"/>
                  <a:gd name="connsiteY5" fmla="*/ 0 h 478358"/>
                  <a:gd name="connsiteX6" fmla="*/ 478358 w 478358"/>
                  <a:gd name="connsiteY6" fmla="*/ 79728 h 478358"/>
                  <a:gd name="connsiteX7" fmla="*/ 478358 w 478358"/>
                  <a:gd name="connsiteY7" fmla="*/ 279042 h 478358"/>
                  <a:gd name="connsiteX8" fmla="*/ 596723 w 478358"/>
                  <a:gd name="connsiteY8" fmla="*/ 305924 h 478358"/>
                  <a:gd name="connsiteX9" fmla="*/ 478358 w 478358"/>
                  <a:gd name="connsiteY9" fmla="*/ 398632 h 478358"/>
                  <a:gd name="connsiteX10" fmla="*/ 478358 w 478358"/>
                  <a:gd name="connsiteY10" fmla="*/ 398630 h 478358"/>
                  <a:gd name="connsiteX11" fmla="*/ 398630 w 478358"/>
                  <a:gd name="connsiteY11" fmla="*/ 478358 h 478358"/>
                  <a:gd name="connsiteX12" fmla="*/ 398632 w 478358"/>
                  <a:gd name="connsiteY12" fmla="*/ 478358 h 478358"/>
                  <a:gd name="connsiteX13" fmla="*/ 279042 w 478358"/>
                  <a:gd name="connsiteY13" fmla="*/ 478358 h 478358"/>
                  <a:gd name="connsiteX14" fmla="*/ 279042 w 478358"/>
                  <a:gd name="connsiteY14" fmla="*/ 478358 h 478358"/>
                  <a:gd name="connsiteX15" fmla="*/ 79728 w 478358"/>
                  <a:gd name="connsiteY15" fmla="*/ 478358 h 478358"/>
                  <a:gd name="connsiteX16" fmla="*/ 0 w 478358"/>
                  <a:gd name="connsiteY16" fmla="*/ 398630 h 478358"/>
                  <a:gd name="connsiteX17" fmla="*/ 0 w 478358"/>
                  <a:gd name="connsiteY17" fmla="*/ 398632 h 478358"/>
                  <a:gd name="connsiteX18" fmla="*/ 0 w 478358"/>
                  <a:gd name="connsiteY18" fmla="*/ 279042 h 478358"/>
                  <a:gd name="connsiteX19" fmla="*/ 0 w 478358"/>
                  <a:gd name="connsiteY19" fmla="*/ 279042 h 478358"/>
                  <a:gd name="connsiteX20" fmla="*/ 0 w 478358"/>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305924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 name="connsiteX0" fmla="*/ 0 w 596723"/>
                  <a:gd name="connsiteY0" fmla="*/ 79728 h 478358"/>
                  <a:gd name="connsiteX1" fmla="*/ 79728 w 596723"/>
                  <a:gd name="connsiteY1" fmla="*/ 0 h 478358"/>
                  <a:gd name="connsiteX2" fmla="*/ 279042 w 596723"/>
                  <a:gd name="connsiteY2" fmla="*/ 0 h 478358"/>
                  <a:gd name="connsiteX3" fmla="*/ 279042 w 596723"/>
                  <a:gd name="connsiteY3" fmla="*/ 0 h 478358"/>
                  <a:gd name="connsiteX4" fmla="*/ 398632 w 596723"/>
                  <a:gd name="connsiteY4" fmla="*/ 0 h 478358"/>
                  <a:gd name="connsiteX5" fmla="*/ 398630 w 596723"/>
                  <a:gd name="connsiteY5" fmla="*/ 0 h 478358"/>
                  <a:gd name="connsiteX6" fmla="*/ 478358 w 596723"/>
                  <a:gd name="connsiteY6" fmla="*/ 79728 h 478358"/>
                  <a:gd name="connsiteX7" fmla="*/ 478358 w 596723"/>
                  <a:gd name="connsiteY7" fmla="*/ 279042 h 478358"/>
                  <a:gd name="connsiteX8" fmla="*/ 596723 w 596723"/>
                  <a:gd name="connsiteY8" fmla="*/ 422038 h 478358"/>
                  <a:gd name="connsiteX9" fmla="*/ 478358 w 596723"/>
                  <a:gd name="connsiteY9" fmla="*/ 398632 h 478358"/>
                  <a:gd name="connsiteX10" fmla="*/ 478358 w 596723"/>
                  <a:gd name="connsiteY10" fmla="*/ 340573 h 478358"/>
                  <a:gd name="connsiteX11" fmla="*/ 398630 w 596723"/>
                  <a:gd name="connsiteY11" fmla="*/ 478358 h 478358"/>
                  <a:gd name="connsiteX12" fmla="*/ 398632 w 596723"/>
                  <a:gd name="connsiteY12" fmla="*/ 478358 h 478358"/>
                  <a:gd name="connsiteX13" fmla="*/ 279042 w 596723"/>
                  <a:gd name="connsiteY13" fmla="*/ 478358 h 478358"/>
                  <a:gd name="connsiteX14" fmla="*/ 279042 w 596723"/>
                  <a:gd name="connsiteY14" fmla="*/ 478358 h 478358"/>
                  <a:gd name="connsiteX15" fmla="*/ 79728 w 596723"/>
                  <a:gd name="connsiteY15" fmla="*/ 478358 h 478358"/>
                  <a:gd name="connsiteX16" fmla="*/ 0 w 596723"/>
                  <a:gd name="connsiteY16" fmla="*/ 398630 h 478358"/>
                  <a:gd name="connsiteX17" fmla="*/ 0 w 596723"/>
                  <a:gd name="connsiteY17" fmla="*/ 398632 h 478358"/>
                  <a:gd name="connsiteX18" fmla="*/ 0 w 596723"/>
                  <a:gd name="connsiteY18" fmla="*/ 279042 h 478358"/>
                  <a:gd name="connsiteX19" fmla="*/ 0 w 596723"/>
                  <a:gd name="connsiteY19" fmla="*/ 279042 h 478358"/>
                  <a:gd name="connsiteX20" fmla="*/ 0 w 596723"/>
                  <a:gd name="connsiteY20" fmla="*/ 79728 h 4783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596723" h="478358">
                    <a:moveTo>
                      <a:pt x="0" y="79728"/>
                    </a:moveTo>
                    <a:cubicBezTo>
                      <a:pt x="0" y="35695"/>
                      <a:pt x="35695" y="0"/>
                      <a:pt x="79728" y="0"/>
                    </a:cubicBezTo>
                    <a:lnTo>
                      <a:pt x="279042" y="0"/>
                    </a:lnTo>
                    <a:lnTo>
                      <a:pt x="279042" y="0"/>
                    </a:lnTo>
                    <a:lnTo>
                      <a:pt x="398632" y="0"/>
                    </a:lnTo>
                    <a:lnTo>
                      <a:pt x="398630" y="0"/>
                    </a:lnTo>
                    <a:cubicBezTo>
                      <a:pt x="442663" y="0"/>
                      <a:pt x="478358" y="35695"/>
                      <a:pt x="478358" y="79728"/>
                    </a:cubicBezTo>
                    <a:lnTo>
                      <a:pt x="478358" y="279042"/>
                    </a:lnTo>
                    <a:lnTo>
                      <a:pt x="596723" y="422038"/>
                    </a:lnTo>
                    <a:lnTo>
                      <a:pt x="478358" y="398632"/>
                    </a:lnTo>
                    <a:lnTo>
                      <a:pt x="478358" y="340573"/>
                    </a:lnTo>
                    <a:cubicBezTo>
                      <a:pt x="478358" y="384606"/>
                      <a:pt x="442663" y="478358"/>
                      <a:pt x="398630" y="478358"/>
                    </a:cubicBezTo>
                    <a:lnTo>
                      <a:pt x="398632" y="478358"/>
                    </a:lnTo>
                    <a:lnTo>
                      <a:pt x="279042" y="478358"/>
                    </a:lnTo>
                    <a:lnTo>
                      <a:pt x="279042" y="478358"/>
                    </a:lnTo>
                    <a:lnTo>
                      <a:pt x="79728" y="478358"/>
                    </a:lnTo>
                    <a:cubicBezTo>
                      <a:pt x="35695" y="478358"/>
                      <a:pt x="0" y="442663"/>
                      <a:pt x="0" y="398630"/>
                    </a:cubicBezTo>
                    <a:lnTo>
                      <a:pt x="0" y="398632"/>
                    </a:lnTo>
                    <a:lnTo>
                      <a:pt x="0" y="279042"/>
                    </a:lnTo>
                    <a:lnTo>
                      <a:pt x="0" y="279042"/>
                    </a:lnTo>
                    <a:lnTo>
                      <a:pt x="0" y="79728"/>
                    </a:lnTo>
                    <a:close/>
                  </a:path>
                </a:pathLst>
              </a:custGeom>
              <a:solidFill>
                <a:srgbClr val="00AEEF"/>
              </a:solidFill>
              <a:ln w="19050">
                <a:solidFill>
                  <a:schemeClr val="accent6"/>
                </a:solidFill>
              </a:ln>
            </p:spPr>
            <p:style>
              <a:lnRef idx="3">
                <a:schemeClr val="lt1"/>
              </a:lnRef>
              <a:fillRef idx="1">
                <a:schemeClr val="accent4"/>
              </a:fillRef>
              <a:effectRef idx="1">
                <a:schemeClr val="accent4"/>
              </a:effectRef>
              <a:fontRef idx="minor">
                <a:schemeClr val="lt1"/>
              </a:fontRef>
            </p:style>
            <p:txBody>
              <a:bodyPr rtlCol="0" anchor="ctr"/>
              <a:lstStyle/>
              <a:p>
                <a:pPr algn="ctr"/>
                <a:endParaRPr lang="vi-VN">
                  <a:latin typeface="Arial" panose="020B0604020202020204" pitchFamily="34" charset="0"/>
                  <a:cs typeface="Arial" panose="020B0604020202020204" pitchFamily="34" charset="0"/>
                </a:endParaRPr>
              </a:p>
            </p:txBody>
          </p:sp>
        </p:grpSp>
        <p:pic>
          <p:nvPicPr>
            <p:cNvPr id="14" name="Picture 13">
              <a:extLst>
                <a:ext uri="{FF2B5EF4-FFF2-40B4-BE49-F238E27FC236}">
                  <a16:creationId xmlns:a16="http://schemas.microsoft.com/office/drawing/2014/main" xmlns="" id="{0B4EBB9E-B795-0251-F044-A1570928CB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195815" y="1977508"/>
              <a:ext cx="224555" cy="352872"/>
            </a:xfrm>
            <a:prstGeom prst="rect">
              <a:avLst/>
            </a:prstGeom>
          </p:spPr>
        </p:pic>
      </p:grpSp>
      <p:sp>
        <p:nvSpPr>
          <p:cNvPr id="18" name="Arrow: Pentagon 17">
            <a:extLst>
              <a:ext uri="{FF2B5EF4-FFF2-40B4-BE49-F238E27FC236}">
                <a16:creationId xmlns:a16="http://schemas.microsoft.com/office/drawing/2014/main" xmlns="" id="{0ACCCD33-6262-9D65-D9F0-037170879D13}"/>
              </a:ext>
            </a:extLst>
          </p:cNvPr>
          <p:cNvSpPr/>
          <p:nvPr/>
        </p:nvSpPr>
        <p:spPr>
          <a:xfrm>
            <a:off x="117695" y="1210983"/>
            <a:ext cx="3525926" cy="559421"/>
          </a:xfrm>
          <a:prstGeom prst="homePlate">
            <a:avLst/>
          </a:prstGeom>
          <a:solidFill>
            <a:schemeClr val="bg1"/>
          </a:solidFill>
          <a:ln>
            <a:solidFill>
              <a:schemeClr val="bg1"/>
            </a:solidFill>
          </a:ln>
        </p:spPr>
        <p:style>
          <a:lnRef idx="1">
            <a:schemeClr val="accent2"/>
          </a:lnRef>
          <a:fillRef idx="2">
            <a:schemeClr val="accent2"/>
          </a:fillRef>
          <a:effectRef idx="1">
            <a:schemeClr val="accent2"/>
          </a:effectRef>
          <a:fontRef idx="minor">
            <a:schemeClr val="dk1"/>
          </a:fontRef>
        </p:style>
        <p:txBody>
          <a:bodyPr rtlCol="0" anchor="ctr"/>
          <a:lstStyle/>
          <a:p>
            <a:pPr algn="ctr"/>
            <a:r>
              <a:rPr lang="vi-VN" sz="2200" b="1">
                <a:solidFill>
                  <a:schemeClr val="bg2">
                    <a:lumMod val="10000"/>
                  </a:schemeClr>
                </a:solidFill>
                <a:latin typeface="Arial" panose="020B0604020202020204" pitchFamily="34" charset="0"/>
                <a:cs typeface="Arial" panose="020B0604020202020204" pitchFamily="34" charset="0"/>
              </a:rPr>
              <a:t>THẢO LUẬN NHÓM</a:t>
            </a:r>
          </a:p>
        </p:txBody>
      </p:sp>
      <p:sp>
        <p:nvSpPr>
          <p:cNvPr id="20" name="Freeform 23">
            <a:extLst>
              <a:ext uri="{FF2B5EF4-FFF2-40B4-BE49-F238E27FC236}">
                <a16:creationId xmlns:a16="http://schemas.microsoft.com/office/drawing/2014/main" xmlns="" id="{CFE6C21B-93A4-551F-4CA0-E0B05C3BDB52}"/>
              </a:ext>
            </a:extLst>
          </p:cNvPr>
          <p:cNvSpPr/>
          <p:nvPr/>
        </p:nvSpPr>
        <p:spPr>
          <a:xfrm>
            <a:off x="117695" y="2481478"/>
            <a:ext cx="3677165" cy="2209483"/>
          </a:xfrm>
          <a:custGeom>
            <a:avLst/>
            <a:gdLst/>
            <a:ahLst/>
            <a:cxnLst/>
            <a:rect l="l" t="t" r="r" b="b"/>
            <a:pathLst>
              <a:path w="1681688" h="1015128">
                <a:moveTo>
                  <a:pt x="0" y="0"/>
                </a:moveTo>
                <a:lnTo>
                  <a:pt x="1681687" y="0"/>
                </a:lnTo>
                <a:lnTo>
                  <a:pt x="1681687" y="1015128"/>
                </a:lnTo>
                <a:lnTo>
                  <a:pt x="0" y="1015128"/>
                </a:lnTo>
                <a:lnTo>
                  <a:pt x="0" y="0"/>
                </a:lnTo>
                <a:close/>
              </a:path>
            </a:pathLst>
          </a:custGeom>
          <a:blipFill>
            <a:blip r:embed="rId6">
              <a:extLst>
                <a:ext uri="{96DAC541-7B7A-43D3-8B79-37D633B846F1}">
                  <asvg:svgBlip xmlns:asvg="http://schemas.microsoft.com/office/drawing/2016/SVG/main" xmlns="" r:embed="rId7"/>
                </a:ext>
              </a:extLst>
            </a:blip>
            <a:stretch>
              <a:fillRect/>
            </a:stretch>
          </a:blipFill>
        </p:spPr>
      </p:sp>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wipe(left)">
                                      <p:cBhvr>
                                        <p:cTn id="7" dur="500"/>
                                        <p:tgtEl>
                                          <p:spTgt spid="18"/>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nodeType="clickEffect">
                                  <p:stCondLst>
                                    <p:cond delay="0"/>
                                  </p:stCondLst>
                                  <p:childTnLst>
                                    <p:set>
                                      <p:cBhvr>
                                        <p:cTn id="11" dur="1" fill="hold">
                                          <p:stCondLst>
                                            <p:cond delay="0"/>
                                          </p:stCondLst>
                                        </p:cTn>
                                        <p:tgtEl>
                                          <p:spTgt spid="12"/>
                                        </p:tgtEl>
                                        <p:attrNameLst>
                                          <p:attrName>style.visibility</p:attrName>
                                        </p:attrNameLst>
                                      </p:cBhvr>
                                      <p:to>
                                        <p:strVal val="visible"/>
                                      </p:to>
                                    </p:set>
                                    <p:animEffect transition="in" filter="wipe(up)">
                                      <p:cBhvr>
                                        <p:cTn id="12"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746"/>
        <p:cNvGrpSpPr/>
        <p:nvPr/>
      </p:nvGrpSpPr>
      <p:grpSpPr>
        <a:xfrm>
          <a:off x="0" y="0"/>
          <a:ext cx="0" cy="0"/>
          <a:chOff x="0" y="0"/>
          <a:chExt cx="0" cy="0"/>
        </a:xfrm>
      </p:grpSpPr>
      <p:pic>
        <p:nvPicPr>
          <p:cNvPr id="20" name="Picture 19">
            <a:extLst>
              <a:ext uri="{FF2B5EF4-FFF2-40B4-BE49-F238E27FC236}">
                <a16:creationId xmlns:a16="http://schemas.microsoft.com/office/drawing/2014/main" xmlns="" id="{C6068F20-E638-CD1F-0436-EA03D2739035}"/>
              </a:ext>
            </a:extLst>
          </p:cNvPr>
          <p:cNvPicPr>
            <a:picLocks noChangeAspect="1"/>
          </p:cNvPicPr>
          <p:nvPr/>
        </p:nvPicPr>
        <p:blipFill rotWithShape="1">
          <a:blip r:embed="rId4">
            <a:extLst>
              <a:ext uri="{BEBA8EAE-BF5A-486C-A8C5-ECC9F3942E4B}">
                <a14:imgProps xmlns:a14="http://schemas.microsoft.com/office/drawing/2010/main">
                  <a14:imgLayer r:embed="rId5">
                    <a14:imgEffect>
                      <a14:sharpenSoften amount="25000"/>
                    </a14:imgEffect>
                  </a14:imgLayer>
                </a14:imgProps>
              </a:ext>
            </a:extLst>
          </a:blip>
          <a:srcRect l="9737" t="49223" r="14776" b="12814"/>
          <a:stretch/>
        </p:blipFill>
        <p:spPr>
          <a:xfrm>
            <a:off x="2277822" y="172947"/>
            <a:ext cx="6748482" cy="4797606"/>
          </a:xfrm>
          <a:prstGeom prst="rect">
            <a:avLst/>
          </a:prstGeom>
        </p:spPr>
      </p:pic>
      <p:sp>
        <p:nvSpPr>
          <p:cNvPr id="17" name="Arrow: Pentagon 16">
            <a:extLst>
              <a:ext uri="{FF2B5EF4-FFF2-40B4-BE49-F238E27FC236}">
                <a16:creationId xmlns:a16="http://schemas.microsoft.com/office/drawing/2014/main" xmlns="" id="{9D117D14-4ADE-A672-CBFA-8542B5E359E5}"/>
              </a:ext>
            </a:extLst>
          </p:cNvPr>
          <p:cNvSpPr/>
          <p:nvPr/>
        </p:nvSpPr>
        <p:spPr>
          <a:xfrm>
            <a:off x="117696" y="415654"/>
            <a:ext cx="3064416" cy="559421"/>
          </a:xfrm>
          <a:prstGeom prst="homePlate">
            <a:avLst/>
          </a:prstGeom>
          <a:solidFill>
            <a:schemeClr val="bg1"/>
          </a:solidFill>
          <a:ln>
            <a:solidFill>
              <a:schemeClr val="bg1"/>
            </a:solidFill>
          </a:ln>
        </p:spPr>
        <p:style>
          <a:lnRef idx="1">
            <a:schemeClr val="accent2"/>
          </a:lnRef>
          <a:fillRef idx="2">
            <a:schemeClr val="accent2"/>
          </a:fillRef>
          <a:effectRef idx="1">
            <a:schemeClr val="accent2"/>
          </a:effectRef>
          <a:fontRef idx="minor">
            <a:schemeClr val="dk1"/>
          </a:fontRef>
        </p:style>
        <p:txBody>
          <a:bodyPr rtlCol="0" anchor="ctr"/>
          <a:lstStyle/>
          <a:p>
            <a:pPr algn="ctr"/>
            <a:r>
              <a:rPr lang="vi-VN" sz="2200" b="1" dirty="0">
                <a:solidFill>
                  <a:schemeClr val="bg2">
                    <a:lumMod val="10000"/>
                  </a:schemeClr>
                </a:solidFill>
                <a:latin typeface="Arial" panose="020B0604020202020204" pitchFamily="34" charset="0"/>
                <a:cs typeface="Arial" panose="020B0604020202020204" pitchFamily="34" charset="0"/>
              </a:rPr>
              <a:t>THẢO LUẬN NHÓM</a:t>
            </a:r>
          </a:p>
        </p:txBody>
      </p:sp>
      <p:pic>
        <p:nvPicPr>
          <p:cNvPr id="23" name="Picture 34">
            <a:extLst>
              <a:ext uri="{FF2B5EF4-FFF2-40B4-BE49-F238E27FC236}">
                <a16:creationId xmlns:a16="http://schemas.microsoft.com/office/drawing/2014/main" xmlns="" id="{AFE5C45E-2464-106B-219D-5BC87C5FAC6F}"/>
              </a:ext>
            </a:extLst>
          </p:cNvPr>
          <p:cNvPicPr>
            <a:picLocks noChangeAspect="1"/>
          </p:cNvPicPr>
          <p:nvPr/>
        </p:nvPicPr>
        <p:blipFill rotWithShape="1">
          <a:blip r:embed="rId6">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l="16223" b="5605"/>
          <a:stretch/>
        </p:blipFill>
        <p:spPr>
          <a:xfrm>
            <a:off x="339406" y="2757829"/>
            <a:ext cx="1879306" cy="2267713"/>
          </a:xfrm>
          <a:prstGeom prst="rect">
            <a:avLst/>
          </a:prstGeom>
        </p:spPr>
      </p:pic>
    </p:spTree>
    <p:custDataLst>
      <p:tags r:id="rId1"/>
    </p:custData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2" fill="hold" nodeType="clickEffect">
                                  <p:stCondLst>
                                    <p:cond delay="0"/>
                                  </p:stCondLst>
                                  <p:childTnLst>
                                    <p:set>
                                      <p:cBhvr>
                                        <p:cTn id="6" dur="1" fill="hold">
                                          <p:stCondLst>
                                            <p:cond delay="0"/>
                                          </p:stCondLst>
                                        </p:cTn>
                                        <p:tgtEl>
                                          <p:spTgt spid="20"/>
                                        </p:tgtEl>
                                        <p:attrNameLst>
                                          <p:attrName>style.visibility</p:attrName>
                                        </p:attrNameLst>
                                      </p:cBhvr>
                                      <p:to>
                                        <p:strVal val="visible"/>
                                      </p:to>
                                    </p:set>
                                    <p:animEffect transition="in" filter="wipe(right)">
                                      <p:cBhvr>
                                        <p:cTn id="7"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746"/>
        <p:cNvGrpSpPr/>
        <p:nvPr/>
      </p:nvGrpSpPr>
      <p:grpSpPr>
        <a:xfrm>
          <a:off x="0" y="0"/>
          <a:ext cx="0" cy="0"/>
          <a:chOff x="0" y="0"/>
          <a:chExt cx="0" cy="0"/>
        </a:xfrm>
      </p:grpSpPr>
      <p:sp>
        <p:nvSpPr>
          <p:cNvPr id="32" name="Arrow: Pentagon 31">
            <a:extLst>
              <a:ext uri="{FF2B5EF4-FFF2-40B4-BE49-F238E27FC236}">
                <a16:creationId xmlns:a16="http://schemas.microsoft.com/office/drawing/2014/main" xmlns="" id="{B8EA4CAF-8D8B-7388-ED3E-11A386A833A0}"/>
              </a:ext>
            </a:extLst>
          </p:cNvPr>
          <p:cNvSpPr/>
          <p:nvPr/>
        </p:nvSpPr>
        <p:spPr>
          <a:xfrm>
            <a:off x="0" y="299420"/>
            <a:ext cx="627005" cy="241925"/>
          </a:xfrm>
          <a:prstGeom prst="homePlate">
            <a:avLst/>
          </a:prstGeom>
          <a:solidFill>
            <a:schemeClr val="accent5"/>
          </a:solidFill>
          <a:ln>
            <a:solidFill>
              <a:schemeClr val="accent5"/>
            </a:solidFill>
          </a:ln>
        </p:spPr>
        <p:style>
          <a:lnRef idx="1">
            <a:schemeClr val="accent2"/>
          </a:lnRef>
          <a:fillRef idx="2">
            <a:schemeClr val="accent2"/>
          </a:fillRef>
          <a:effectRef idx="1">
            <a:schemeClr val="accent2"/>
          </a:effectRef>
          <a:fontRef idx="minor">
            <a:schemeClr val="dk1"/>
          </a:fontRef>
        </p:style>
        <p:txBody>
          <a:bodyPr rtlCol="0" anchor="ctr"/>
          <a:lstStyle/>
          <a:p>
            <a:pPr algn="ctr"/>
            <a:endParaRPr lang="vi-VN" sz="2200" b="1" dirty="0">
              <a:solidFill>
                <a:schemeClr val="bg1"/>
              </a:solidFill>
              <a:latin typeface="Arial" panose="020B0604020202020204" pitchFamily="34" charset="0"/>
              <a:cs typeface="Arial" panose="020B0604020202020204" pitchFamily="34" charset="0"/>
            </a:endParaRPr>
          </a:p>
        </p:txBody>
      </p:sp>
      <p:sp>
        <p:nvSpPr>
          <p:cNvPr id="33" name="TextBox 32">
            <a:extLst>
              <a:ext uri="{FF2B5EF4-FFF2-40B4-BE49-F238E27FC236}">
                <a16:creationId xmlns:a16="http://schemas.microsoft.com/office/drawing/2014/main" xmlns="" id="{728B9550-D189-AB8F-5C02-4B0A1E34712F}"/>
              </a:ext>
            </a:extLst>
          </p:cNvPr>
          <p:cNvSpPr txBox="1"/>
          <p:nvPr/>
        </p:nvSpPr>
        <p:spPr>
          <a:xfrm>
            <a:off x="700156" y="220327"/>
            <a:ext cx="4588733" cy="400110"/>
          </a:xfrm>
          <a:prstGeom prst="rect">
            <a:avLst/>
          </a:prstGeom>
          <a:noFill/>
        </p:spPr>
        <p:txBody>
          <a:bodyPr wrap="square">
            <a:spAutoFit/>
          </a:bodyPr>
          <a:lstStyle/>
          <a:p>
            <a:r>
              <a:rPr lang="vi-VN" sz="2000" b="1" dirty="0">
                <a:solidFill>
                  <a:schemeClr val="accent5"/>
                </a:solidFill>
              </a:rPr>
              <a:t>Sau khi hoàn thành tiểu học (lớp 5)</a:t>
            </a:r>
          </a:p>
        </p:txBody>
      </p:sp>
      <p:sp>
        <p:nvSpPr>
          <p:cNvPr id="34" name="Rectangle: Diagonal Corners Rounded 33">
            <a:extLst>
              <a:ext uri="{FF2B5EF4-FFF2-40B4-BE49-F238E27FC236}">
                <a16:creationId xmlns:a16="http://schemas.microsoft.com/office/drawing/2014/main" xmlns="" id="{6B3C7B95-CF01-86D2-D19C-1B5C9974EDFE}"/>
              </a:ext>
            </a:extLst>
          </p:cNvPr>
          <p:cNvSpPr/>
          <p:nvPr/>
        </p:nvSpPr>
        <p:spPr>
          <a:xfrm>
            <a:off x="488016" y="688118"/>
            <a:ext cx="8195126" cy="525019"/>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36000" rtlCol="0" anchor="ctr"/>
          <a:lstStyle/>
          <a:p>
            <a:pPr algn="ctr"/>
            <a:r>
              <a:rPr lang="vi-VN" sz="1800" dirty="0">
                <a:solidFill>
                  <a:schemeClr val="accent2">
                    <a:lumMod val="50000"/>
                  </a:schemeClr>
                </a:solidFill>
                <a:latin typeface="Arial" panose="020B0604020202020204" pitchFamily="34" charset="0"/>
                <a:cs typeface="Arial" panose="020B0604020202020204" pitchFamily="34" charset="0"/>
              </a:rPr>
              <a:t>Học sinh sẽ chuyển lên trung học cơ sở (THCS), bắt đầu từ lớp 6.</a:t>
            </a:r>
          </a:p>
        </p:txBody>
      </p:sp>
      <p:sp>
        <p:nvSpPr>
          <p:cNvPr id="39" name="Arrow: Pentagon 38">
            <a:extLst>
              <a:ext uri="{FF2B5EF4-FFF2-40B4-BE49-F238E27FC236}">
                <a16:creationId xmlns:a16="http://schemas.microsoft.com/office/drawing/2014/main" xmlns="" id="{502FFC0F-91DB-A02C-2BCC-7996B7656139}"/>
              </a:ext>
            </a:extLst>
          </p:cNvPr>
          <p:cNvSpPr/>
          <p:nvPr/>
        </p:nvSpPr>
        <p:spPr>
          <a:xfrm>
            <a:off x="0" y="1497541"/>
            <a:ext cx="627005" cy="241925"/>
          </a:xfrm>
          <a:prstGeom prst="homePlate">
            <a:avLst/>
          </a:prstGeom>
          <a:solidFill>
            <a:schemeClr val="accent5"/>
          </a:solidFill>
          <a:ln>
            <a:solidFill>
              <a:schemeClr val="accent5"/>
            </a:solidFill>
          </a:ln>
        </p:spPr>
        <p:style>
          <a:lnRef idx="1">
            <a:schemeClr val="accent2"/>
          </a:lnRef>
          <a:fillRef idx="2">
            <a:schemeClr val="accent2"/>
          </a:fillRef>
          <a:effectRef idx="1">
            <a:schemeClr val="accent2"/>
          </a:effectRef>
          <a:fontRef idx="minor">
            <a:schemeClr val="dk1"/>
          </a:fontRef>
        </p:style>
        <p:txBody>
          <a:bodyPr rtlCol="0" anchor="ctr"/>
          <a:lstStyle/>
          <a:p>
            <a:pPr algn="ctr"/>
            <a:endParaRPr lang="vi-VN" sz="2200" b="1" dirty="0">
              <a:solidFill>
                <a:schemeClr val="bg1"/>
              </a:solidFill>
              <a:latin typeface="Arial" panose="020B0604020202020204" pitchFamily="34" charset="0"/>
              <a:cs typeface="Arial" panose="020B0604020202020204" pitchFamily="34" charset="0"/>
            </a:endParaRPr>
          </a:p>
        </p:txBody>
      </p:sp>
      <p:sp>
        <p:nvSpPr>
          <p:cNvPr id="40" name="TextBox 39">
            <a:extLst>
              <a:ext uri="{FF2B5EF4-FFF2-40B4-BE49-F238E27FC236}">
                <a16:creationId xmlns:a16="http://schemas.microsoft.com/office/drawing/2014/main" xmlns="" id="{6F6CDF54-BCCA-0794-C56F-5C638C0837CA}"/>
              </a:ext>
            </a:extLst>
          </p:cNvPr>
          <p:cNvSpPr txBox="1"/>
          <p:nvPr/>
        </p:nvSpPr>
        <p:spPr>
          <a:xfrm>
            <a:off x="700156" y="1418448"/>
            <a:ext cx="5525079" cy="400110"/>
          </a:xfrm>
          <a:prstGeom prst="rect">
            <a:avLst/>
          </a:prstGeom>
          <a:noFill/>
        </p:spPr>
        <p:txBody>
          <a:bodyPr wrap="square">
            <a:spAutoFit/>
          </a:bodyPr>
          <a:lstStyle/>
          <a:p>
            <a:r>
              <a:rPr lang="vi-VN" sz="2000" b="1" dirty="0">
                <a:solidFill>
                  <a:schemeClr val="accent5"/>
                </a:solidFill>
              </a:rPr>
              <a:t>Sau khi hoàn thành trung học cơ sở (lớp 9)</a:t>
            </a:r>
          </a:p>
        </p:txBody>
      </p:sp>
      <p:sp>
        <p:nvSpPr>
          <p:cNvPr id="41" name="Rectangle: Diagonal Corners Rounded 40">
            <a:extLst>
              <a:ext uri="{FF2B5EF4-FFF2-40B4-BE49-F238E27FC236}">
                <a16:creationId xmlns:a16="http://schemas.microsoft.com/office/drawing/2014/main" xmlns="" id="{6FFAC500-B9F8-539B-BAF5-FB450469F652}"/>
              </a:ext>
            </a:extLst>
          </p:cNvPr>
          <p:cNvSpPr/>
          <p:nvPr/>
        </p:nvSpPr>
        <p:spPr>
          <a:xfrm>
            <a:off x="488016" y="1916141"/>
            <a:ext cx="8195126" cy="525019"/>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36000" rtlCol="0" anchor="ctr"/>
          <a:lstStyle/>
          <a:p>
            <a:pPr algn="ctr"/>
            <a:r>
              <a:rPr lang="vi-VN" sz="1800" dirty="0">
                <a:latin typeface="Arial" panose="020B0604020202020204" pitchFamily="34" charset="0"/>
                <a:cs typeface="Arial" panose="020B0604020202020204" pitchFamily="34" charset="0"/>
              </a:rPr>
              <a:t>Học sinh có thể lựa chọn tiếp tục học lên trung học phổ thông (THPT).</a:t>
            </a:r>
          </a:p>
        </p:txBody>
      </p:sp>
      <p:sp>
        <p:nvSpPr>
          <p:cNvPr id="42" name="Rectangle: Diagonal Corners Rounded 41">
            <a:extLst>
              <a:ext uri="{FF2B5EF4-FFF2-40B4-BE49-F238E27FC236}">
                <a16:creationId xmlns:a16="http://schemas.microsoft.com/office/drawing/2014/main" xmlns="" id="{9412837E-68BF-3048-1387-4288A1DD1BE7}"/>
              </a:ext>
            </a:extLst>
          </p:cNvPr>
          <p:cNvSpPr/>
          <p:nvPr/>
        </p:nvSpPr>
        <p:spPr>
          <a:xfrm>
            <a:off x="488016" y="2617835"/>
            <a:ext cx="8195126" cy="525019"/>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36000" rtlCol="0" anchor="ctr"/>
          <a:lstStyle/>
          <a:p>
            <a:pPr algn="ctr"/>
            <a:r>
              <a:rPr lang="vi-VN" sz="1800" dirty="0">
                <a:latin typeface="Arial" panose="020B0604020202020204" pitchFamily="34" charset="0"/>
                <a:cs typeface="Arial" panose="020B0604020202020204" pitchFamily="34" charset="0"/>
              </a:rPr>
              <a:t>Học sinh theo học tại các trường trung cấp nghề, cao đẳng nghề để học nghề.</a:t>
            </a:r>
          </a:p>
        </p:txBody>
      </p:sp>
      <p:sp>
        <p:nvSpPr>
          <p:cNvPr id="44" name="Arrow: Pentagon 43">
            <a:extLst>
              <a:ext uri="{FF2B5EF4-FFF2-40B4-BE49-F238E27FC236}">
                <a16:creationId xmlns:a16="http://schemas.microsoft.com/office/drawing/2014/main" xmlns="" id="{082E6803-C040-F6AF-A2F0-B6735B060449}"/>
              </a:ext>
            </a:extLst>
          </p:cNvPr>
          <p:cNvSpPr/>
          <p:nvPr/>
        </p:nvSpPr>
        <p:spPr>
          <a:xfrm>
            <a:off x="0" y="3398622"/>
            <a:ext cx="627005" cy="241925"/>
          </a:xfrm>
          <a:prstGeom prst="homePlate">
            <a:avLst/>
          </a:prstGeom>
          <a:solidFill>
            <a:schemeClr val="accent5"/>
          </a:solidFill>
          <a:ln>
            <a:solidFill>
              <a:schemeClr val="accent5"/>
            </a:solidFill>
          </a:ln>
        </p:spPr>
        <p:style>
          <a:lnRef idx="1">
            <a:schemeClr val="accent2"/>
          </a:lnRef>
          <a:fillRef idx="2">
            <a:schemeClr val="accent2"/>
          </a:fillRef>
          <a:effectRef idx="1">
            <a:schemeClr val="accent2"/>
          </a:effectRef>
          <a:fontRef idx="minor">
            <a:schemeClr val="dk1"/>
          </a:fontRef>
        </p:style>
        <p:txBody>
          <a:bodyPr rtlCol="0" anchor="ctr"/>
          <a:lstStyle/>
          <a:p>
            <a:pPr algn="ctr"/>
            <a:endParaRPr lang="vi-VN" sz="2200" b="1" dirty="0">
              <a:solidFill>
                <a:schemeClr val="bg1"/>
              </a:solidFill>
              <a:latin typeface="Arial" panose="020B0604020202020204" pitchFamily="34" charset="0"/>
              <a:cs typeface="Arial" panose="020B0604020202020204" pitchFamily="34" charset="0"/>
            </a:endParaRPr>
          </a:p>
        </p:txBody>
      </p:sp>
      <p:sp>
        <p:nvSpPr>
          <p:cNvPr id="45" name="TextBox 44">
            <a:extLst>
              <a:ext uri="{FF2B5EF4-FFF2-40B4-BE49-F238E27FC236}">
                <a16:creationId xmlns:a16="http://schemas.microsoft.com/office/drawing/2014/main" xmlns="" id="{82811AB7-D4D9-06E9-04F6-44032F7483EA}"/>
              </a:ext>
            </a:extLst>
          </p:cNvPr>
          <p:cNvSpPr txBox="1"/>
          <p:nvPr/>
        </p:nvSpPr>
        <p:spPr>
          <a:xfrm>
            <a:off x="700156" y="3319529"/>
            <a:ext cx="6102980" cy="400110"/>
          </a:xfrm>
          <a:prstGeom prst="rect">
            <a:avLst/>
          </a:prstGeom>
          <a:noFill/>
        </p:spPr>
        <p:txBody>
          <a:bodyPr wrap="square">
            <a:spAutoFit/>
          </a:bodyPr>
          <a:lstStyle/>
          <a:p>
            <a:r>
              <a:rPr lang="vi-VN" sz="2000" b="1" dirty="0">
                <a:solidFill>
                  <a:schemeClr val="accent5"/>
                </a:solidFill>
              </a:rPr>
              <a:t>Sau khi hoàn thành trung học phổ thông (lớp 12)</a:t>
            </a:r>
          </a:p>
        </p:txBody>
      </p:sp>
      <p:sp>
        <p:nvSpPr>
          <p:cNvPr id="46" name="Rectangle: Diagonal Corners Rounded 45">
            <a:extLst>
              <a:ext uri="{FF2B5EF4-FFF2-40B4-BE49-F238E27FC236}">
                <a16:creationId xmlns:a16="http://schemas.microsoft.com/office/drawing/2014/main" xmlns="" id="{B8A76214-DCBE-35B1-8803-F6B9B52D51CF}"/>
              </a:ext>
            </a:extLst>
          </p:cNvPr>
          <p:cNvSpPr/>
          <p:nvPr/>
        </p:nvSpPr>
        <p:spPr>
          <a:xfrm>
            <a:off x="488016" y="3896314"/>
            <a:ext cx="8195126" cy="905696"/>
          </a:xfrm>
          <a:prstGeom prst="round2DiagRect">
            <a:avLst>
              <a:gd name="adj1" fmla="val 15439"/>
              <a:gd name="adj2" fmla="val 0"/>
            </a:avLst>
          </a:prstGeom>
          <a:solidFill>
            <a:schemeClr val="accent6"/>
          </a:solidFill>
        </p:spPr>
        <p:style>
          <a:lnRef idx="2">
            <a:schemeClr val="accent1"/>
          </a:lnRef>
          <a:fillRef idx="1">
            <a:schemeClr val="lt1"/>
          </a:fillRef>
          <a:effectRef idx="0">
            <a:schemeClr val="accent1"/>
          </a:effectRef>
          <a:fontRef idx="minor">
            <a:schemeClr val="dk1"/>
          </a:fontRef>
        </p:style>
        <p:txBody>
          <a:bodyPr bIns="108000" rtlCol="0" anchor="ctr"/>
          <a:lstStyle/>
          <a:p>
            <a:pPr algn="just">
              <a:lnSpc>
                <a:spcPct val="150000"/>
              </a:lnSpc>
            </a:pPr>
            <a:r>
              <a:rPr lang="vi-VN" sz="1800" dirty="0">
                <a:latin typeface="Arial" panose="020B0604020202020204" pitchFamily="34" charset="0"/>
                <a:cs typeface="Arial" panose="020B0604020202020204" pitchFamily="34" charset="0"/>
              </a:rPr>
              <a:t>Thi đại học/cao đẳng để tiếp tục học tập ở trình độ cao hơn, tham gia các khóa học nghề để học một nghề cụ thể.</a:t>
            </a:r>
          </a:p>
        </p:txBody>
      </p:sp>
    </p:spTree>
    <p:custDataLst>
      <p:tags r:id="rId1"/>
    </p:custDataLst>
    <p:extLst>
      <p:ext uri="{BB962C8B-B14F-4D97-AF65-F5344CB8AC3E}">
        <p14:creationId xmlns:p14="http://schemas.microsoft.com/office/powerpoint/2010/main" val="3409688943"/>
      </p:ext>
    </p:extLst>
  </p:cSld>
  <p:clrMapOvr>
    <a:masterClrMapping/>
  </p:clrMapOvr>
  <p:transition spd="slow">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2"/>
                                        </p:tgtEl>
                                        <p:attrNameLst>
                                          <p:attrName>style.visibility</p:attrName>
                                        </p:attrNameLst>
                                      </p:cBhvr>
                                      <p:to>
                                        <p:strVal val="visible"/>
                                      </p:to>
                                    </p:set>
                                    <p:animEffect transition="in" filter="wipe(left)">
                                      <p:cBhvr>
                                        <p:cTn id="7" dur="500"/>
                                        <p:tgtEl>
                                          <p:spTgt spid="32"/>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33"/>
                                        </p:tgtEl>
                                        <p:attrNameLst>
                                          <p:attrName>style.visibility</p:attrName>
                                        </p:attrNameLst>
                                      </p:cBhvr>
                                      <p:to>
                                        <p:strVal val="visible"/>
                                      </p:to>
                                    </p:set>
                                    <p:animEffect transition="in" filter="wipe(down)">
                                      <p:cBhvr>
                                        <p:cTn id="10" dur="500"/>
                                        <p:tgtEl>
                                          <p:spTgt spid="33"/>
                                        </p:tgtEl>
                                      </p:cBhvr>
                                    </p:animEffect>
                                  </p:childTnLst>
                                </p:cTn>
                              </p:par>
                            </p:childTnLst>
                          </p:cTn>
                        </p:par>
                      </p:childTnLst>
                    </p:cTn>
                  </p:par>
                  <p:par>
                    <p:cTn id="11" fill="hold">
                      <p:stCondLst>
                        <p:cond delay="indefinite"/>
                      </p:stCondLst>
                      <p:childTnLst>
                        <p:par>
                          <p:cTn id="12" fill="hold">
                            <p:stCondLst>
                              <p:cond delay="0"/>
                            </p:stCondLst>
                            <p:childTnLst>
                              <p:par>
                                <p:cTn id="13" presetID="3" presetClass="entr" presetSubtype="10" fill="hold" grpId="0" nodeType="clickEffect">
                                  <p:stCondLst>
                                    <p:cond delay="0"/>
                                  </p:stCondLst>
                                  <p:childTnLst>
                                    <p:set>
                                      <p:cBhvr>
                                        <p:cTn id="14" dur="1" fill="hold">
                                          <p:stCondLst>
                                            <p:cond delay="0"/>
                                          </p:stCondLst>
                                        </p:cTn>
                                        <p:tgtEl>
                                          <p:spTgt spid="34"/>
                                        </p:tgtEl>
                                        <p:attrNameLst>
                                          <p:attrName>style.visibility</p:attrName>
                                        </p:attrNameLst>
                                      </p:cBhvr>
                                      <p:to>
                                        <p:strVal val="visible"/>
                                      </p:to>
                                    </p:set>
                                    <p:animEffect transition="in" filter="blinds(horizontal)">
                                      <p:cBhvr>
                                        <p:cTn id="15" dur="500"/>
                                        <p:tgtEl>
                                          <p:spTgt spid="34"/>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8" fill="hold" grpId="0" nodeType="clickEffect">
                                  <p:stCondLst>
                                    <p:cond delay="0"/>
                                  </p:stCondLst>
                                  <p:childTnLst>
                                    <p:set>
                                      <p:cBhvr>
                                        <p:cTn id="19" dur="1" fill="hold">
                                          <p:stCondLst>
                                            <p:cond delay="0"/>
                                          </p:stCondLst>
                                        </p:cTn>
                                        <p:tgtEl>
                                          <p:spTgt spid="39"/>
                                        </p:tgtEl>
                                        <p:attrNameLst>
                                          <p:attrName>style.visibility</p:attrName>
                                        </p:attrNameLst>
                                      </p:cBhvr>
                                      <p:to>
                                        <p:strVal val="visible"/>
                                      </p:to>
                                    </p:set>
                                    <p:animEffect transition="in" filter="wipe(left)">
                                      <p:cBhvr>
                                        <p:cTn id="20" dur="500"/>
                                        <p:tgtEl>
                                          <p:spTgt spid="39"/>
                                        </p:tgtEl>
                                      </p:cBhvr>
                                    </p:animEffect>
                                  </p:childTnLst>
                                </p:cTn>
                              </p:par>
                              <p:par>
                                <p:cTn id="21" presetID="22" presetClass="entr" presetSubtype="4" fill="hold" grpId="0" nodeType="withEffect">
                                  <p:stCondLst>
                                    <p:cond delay="0"/>
                                  </p:stCondLst>
                                  <p:childTnLst>
                                    <p:set>
                                      <p:cBhvr>
                                        <p:cTn id="22" dur="1" fill="hold">
                                          <p:stCondLst>
                                            <p:cond delay="0"/>
                                          </p:stCondLst>
                                        </p:cTn>
                                        <p:tgtEl>
                                          <p:spTgt spid="40"/>
                                        </p:tgtEl>
                                        <p:attrNameLst>
                                          <p:attrName>style.visibility</p:attrName>
                                        </p:attrNameLst>
                                      </p:cBhvr>
                                      <p:to>
                                        <p:strVal val="visible"/>
                                      </p:to>
                                    </p:set>
                                    <p:animEffect transition="in" filter="wipe(down)">
                                      <p:cBhvr>
                                        <p:cTn id="23" dur="500"/>
                                        <p:tgtEl>
                                          <p:spTgt spid="40"/>
                                        </p:tgtEl>
                                      </p:cBhvr>
                                    </p:animEffect>
                                  </p:childTnLst>
                                </p:cTn>
                              </p:par>
                            </p:childTnLst>
                          </p:cTn>
                        </p:par>
                      </p:childTnLst>
                    </p:cTn>
                  </p:par>
                  <p:par>
                    <p:cTn id="24" fill="hold">
                      <p:stCondLst>
                        <p:cond delay="indefinite"/>
                      </p:stCondLst>
                      <p:childTnLst>
                        <p:par>
                          <p:cTn id="25" fill="hold">
                            <p:stCondLst>
                              <p:cond delay="0"/>
                            </p:stCondLst>
                            <p:childTnLst>
                              <p:par>
                                <p:cTn id="26" presetID="3" presetClass="entr" presetSubtype="10" fill="hold" grpId="0" nodeType="clickEffect">
                                  <p:stCondLst>
                                    <p:cond delay="0"/>
                                  </p:stCondLst>
                                  <p:childTnLst>
                                    <p:set>
                                      <p:cBhvr>
                                        <p:cTn id="27" dur="1" fill="hold">
                                          <p:stCondLst>
                                            <p:cond delay="0"/>
                                          </p:stCondLst>
                                        </p:cTn>
                                        <p:tgtEl>
                                          <p:spTgt spid="41"/>
                                        </p:tgtEl>
                                        <p:attrNameLst>
                                          <p:attrName>style.visibility</p:attrName>
                                        </p:attrNameLst>
                                      </p:cBhvr>
                                      <p:to>
                                        <p:strVal val="visible"/>
                                      </p:to>
                                    </p:set>
                                    <p:animEffect transition="in" filter="blinds(horizontal)">
                                      <p:cBhvr>
                                        <p:cTn id="28" dur="500"/>
                                        <p:tgtEl>
                                          <p:spTgt spid="41"/>
                                        </p:tgtEl>
                                      </p:cBhvr>
                                    </p:animEffect>
                                  </p:childTnLst>
                                </p:cTn>
                              </p:par>
                            </p:childTnLst>
                          </p:cTn>
                        </p:par>
                      </p:childTnLst>
                    </p:cTn>
                  </p:par>
                  <p:par>
                    <p:cTn id="29" fill="hold">
                      <p:stCondLst>
                        <p:cond delay="indefinite"/>
                      </p:stCondLst>
                      <p:childTnLst>
                        <p:par>
                          <p:cTn id="30" fill="hold">
                            <p:stCondLst>
                              <p:cond delay="0"/>
                            </p:stCondLst>
                            <p:childTnLst>
                              <p:par>
                                <p:cTn id="31" presetID="3" presetClass="entr" presetSubtype="10" fill="hold" grpId="0" nodeType="clickEffect">
                                  <p:stCondLst>
                                    <p:cond delay="0"/>
                                  </p:stCondLst>
                                  <p:childTnLst>
                                    <p:set>
                                      <p:cBhvr>
                                        <p:cTn id="32" dur="1" fill="hold">
                                          <p:stCondLst>
                                            <p:cond delay="0"/>
                                          </p:stCondLst>
                                        </p:cTn>
                                        <p:tgtEl>
                                          <p:spTgt spid="42"/>
                                        </p:tgtEl>
                                        <p:attrNameLst>
                                          <p:attrName>style.visibility</p:attrName>
                                        </p:attrNameLst>
                                      </p:cBhvr>
                                      <p:to>
                                        <p:strVal val="visible"/>
                                      </p:to>
                                    </p:set>
                                    <p:animEffect transition="in" filter="blinds(horizontal)">
                                      <p:cBhvr>
                                        <p:cTn id="33" dur="500"/>
                                        <p:tgtEl>
                                          <p:spTgt spid="42"/>
                                        </p:tgtEl>
                                      </p:cBhvr>
                                    </p:animEffect>
                                  </p:childTnLst>
                                </p:cTn>
                              </p:par>
                            </p:childTnLst>
                          </p:cTn>
                        </p:par>
                      </p:childTnLst>
                    </p:cTn>
                  </p:par>
                  <p:par>
                    <p:cTn id="34" fill="hold">
                      <p:stCondLst>
                        <p:cond delay="indefinite"/>
                      </p:stCondLst>
                      <p:childTnLst>
                        <p:par>
                          <p:cTn id="35" fill="hold">
                            <p:stCondLst>
                              <p:cond delay="0"/>
                            </p:stCondLst>
                            <p:childTnLst>
                              <p:par>
                                <p:cTn id="36" presetID="22" presetClass="entr" presetSubtype="8" fill="hold" grpId="0" nodeType="clickEffect">
                                  <p:stCondLst>
                                    <p:cond delay="0"/>
                                  </p:stCondLst>
                                  <p:childTnLst>
                                    <p:set>
                                      <p:cBhvr>
                                        <p:cTn id="37" dur="1" fill="hold">
                                          <p:stCondLst>
                                            <p:cond delay="0"/>
                                          </p:stCondLst>
                                        </p:cTn>
                                        <p:tgtEl>
                                          <p:spTgt spid="44"/>
                                        </p:tgtEl>
                                        <p:attrNameLst>
                                          <p:attrName>style.visibility</p:attrName>
                                        </p:attrNameLst>
                                      </p:cBhvr>
                                      <p:to>
                                        <p:strVal val="visible"/>
                                      </p:to>
                                    </p:set>
                                    <p:animEffect transition="in" filter="wipe(left)">
                                      <p:cBhvr>
                                        <p:cTn id="38" dur="500"/>
                                        <p:tgtEl>
                                          <p:spTgt spid="44"/>
                                        </p:tgtEl>
                                      </p:cBhvr>
                                    </p:animEffect>
                                  </p:childTnLst>
                                </p:cTn>
                              </p:par>
                              <p:par>
                                <p:cTn id="39" presetID="22" presetClass="entr" presetSubtype="4" fill="hold" grpId="0" nodeType="withEffect">
                                  <p:stCondLst>
                                    <p:cond delay="0"/>
                                  </p:stCondLst>
                                  <p:childTnLst>
                                    <p:set>
                                      <p:cBhvr>
                                        <p:cTn id="40" dur="1" fill="hold">
                                          <p:stCondLst>
                                            <p:cond delay="0"/>
                                          </p:stCondLst>
                                        </p:cTn>
                                        <p:tgtEl>
                                          <p:spTgt spid="45"/>
                                        </p:tgtEl>
                                        <p:attrNameLst>
                                          <p:attrName>style.visibility</p:attrName>
                                        </p:attrNameLst>
                                      </p:cBhvr>
                                      <p:to>
                                        <p:strVal val="visible"/>
                                      </p:to>
                                    </p:set>
                                    <p:animEffect transition="in" filter="wipe(down)">
                                      <p:cBhvr>
                                        <p:cTn id="41" dur="500"/>
                                        <p:tgtEl>
                                          <p:spTgt spid="45"/>
                                        </p:tgtEl>
                                      </p:cBhvr>
                                    </p:animEffect>
                                  </p:childTnLst>
                                </p:cTn>
                              </p:par>
                            </p:childTnLst>
                          </p:cTn>
                        </p:par>
                      </p:childTnLst>
                    </p:cTn>
                  </p:par>
                  <p:par>
                    <p:cTn id="42" fill="hold">
                      <p:stCondLst>
                        <p:cond delay="indefinite"/>
                      </p:stCondLst>
                      <p:childTnLst>
                        <p:par>
                          <p:cTn id="43" fill="hold">
                            <p:stCondLst>
                              <p:cond delay="0"/>
                            </p:stCondLst>
                            <p:childTnLst>
                              <p:par>
                                <p:cTn id="44" presetID="3" presetClass="entr" presetSubtype="10" fill="hold" grpId="0" nodeType="clickEffect">
                                  <p:stCondLst>
                                    <p:cond delay="0"/>
                                  </p:stCondLst>
                                  <p:childTnLst>
                                    <p:set>
                                      <p:cBhvr>
                                        <p:cTn id="45" dur="1" fill="hold">
                                          <p:stCondLst>
                                            <p:cond delay="0"/>
                                          </p:stCondLst>
                                        </p:cTn>
                                        <p:tgtEl>
                                          <p:spTgt spid="46"/>
                                        </p:tgtEl>
                                        <p:attrNameLst>
                                          <p:attrName>style.visibility</p:attrName>
                                        </p:attrNameLst>
                                      </p:cBhvr>
                                      <p:to>
                                        <p:strVal val="visible"/>
                                      </p:to>
                                    </p:set>
                                    <p:animEffect transition="in" filter="blinds(horizontal)">
                                      <p:cBhvr>
                                        <p:cTn id="46" dur="500"/>
                                        <p:tgtEl>
                                          <p:spTgt spid="4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2" grpId="0" animBg="1"/>
      <p:bldP spid="33" grpId="0"/>
      <p:bldP spid="34" grpId="0" animBg="1"/>
      <p:bldP spid="39" grpId="0" animBg="1"/>
      <p:bldP spid="40" grpId="0"/>
      <p:bldP spid="41" grpId="0" animBg="1"/>
      <p:bldP spid="42" grpId="0" animBg="1"/>
      <p:bldP spid="44" grpId="0" animBg="1"/>
      <p:bldP spid="45" grpId="0"/>
      <p:bldP spid="46"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097"/>
        <p:cNvGrpSpPr/>
        <p:nvPr/>
      </p:nvGrpSpPr>
      <p:grpSpPr>
        <a:xfrm>
          <a:off x="0" y="0"/>
          <a:ext cx="0" cy="0"/>
          <a:chOff x="0" y="0"/>
          <a:chExt cx="0" cy="0"/>
        </a:xfrm>
      </p:grpSpPr>
      <p:sp>
        <p:nvSpPr>
          <p:cNvPr id="1125" name="Google Shape;184;p24">
            <a:extLst>
              <a:ext uri="{FF2B5EF4-FFF2-40B4-BE49-F238E27FC236}">
                <a16:creationId xmlns:a16="http://schemas.microsoft.com/office/drawing/2014/main" xmlns="" id="{BF948020-2EBF-5DF7-8880-A89AA568CA22}"/>
              </a:ext>
            </a:extLst>
          </p:cNvPr>
          <p:cNvSpPr/>
          <p:nvPr/>
        </p:nvSpPr>
        <p:spPr>
          <a:xfrm>
            <a:off x="123813" y="1607836"/>
            <a:ext cx="4052118" cy="3396390"/>
          </a:xfrm>
          <a:custGeom>
            <a:avLst/>
            <a:gdLst/>
            <a:ahLst/>
            <a:cxnLst/>
            <a:rect l="l" t="t" r="r" b="b"/>
            <a:pathLst>
              <a:path w="76678" h="64849" extrusionOk="0">
                <a:moveTo>
                  <a:pt x="53071" y="4482"/>
                </a:moveTo>
                <a:lnTo>
                  <a:pt x="52497" y="7214"/>
                </a:lnTo>
                <a:lnTo>
                  <a:pt x="52497" y="8066"/>
                </a:lnTo>
                <a:lnTo>
                  <a:pt x="52497" y="8999"/>
                </a:lnTo>
                <a:lnTo>
                  <a:pt x="52497" y="10952"/>
                </a:lnTo>
                <a:cubicBezTo>
                  <a:pt x="51802" y="10561"/>
                  <a:pt x="51185" y="10087"/>
                  <a:pt x="50667" y="9512"/>
                </a:cubicBezTo>
                <a:cubicBezTo>
                  <a:pt x="49217" y="7901"/>
                  <a:pt x="48758" y="5876"/>
                  <a:pt x="48624" y="4482"/>
                </a:cubicBezTo>
                <a:close/>
                <a:moveTo>
                  <a:pt x="56523" y="8999"/>
                </a:moveTo>
                <a:lnTo>
                  <a:pt x="56523" y="11059"/>
                </a:lnTo>
                <a:lnTo>
                  <a:pt x="56229" y="11059"/>
                </a:lnTo>
                <a:lnTo>
                  <a:pt x="56229" y="9444"/>
                </a:lnTo>
                <a:lnTo>
                  <a:pt x="55814" y="9444"/>
                </a:lnTo>
                <a:lnTo>
                  <a:pt x="55814" y="10574"/>
                </a:lnTo>
                <a:lnTo>
                  <a:pt x="55745" y="10574"/>
                </a:lnTo>
                <a:lnTo>
                  <a:pt x="55745" y="10465"/>
                </a:lnTo>
                <a:cubicBezTo>
                  <a:pt x="55745" y="10366"/>
                  <a:pt x="55666" y="10287"/>
                  <a:pt x="55569" y="10287"/>
                </a:cubicBezTo>
                <a:cubicBezTo>
                  <a:pt x="55470" y="10287"/>
                  <a:pt x="55391" y="10366"/>
                  <a:pt x="55391" y="10465"/>
                </a:cubicBezTo>
                <a:lnTo>
                  <a:pt x="55391" y="10574"/>
                </a:lnTo>
                <a:lnTo>
                  <a:pt x="55335" y="10574"/>
                </a:lnTo>
                <a:lnTo>
                  <a:pt x="55335" y="10465"/>
                </a:lnTo>
                <a:cubicBezTo>
                  <a:pt x="55335" y="10366"/>
                  <a:pt x="55255" y="10287"/>
                  <a:pt x="55157" y="10287"/>
                </a:cubicBezTo>
                <a:cubicBezTo>
                  <a:pt x="55060" y="10287"/>
                  <a:pt x="54980" y="10366"/>
                  <a:pt x="54980" y="10465"/>
                </a:cubicBezTo>
                <a:lnTo>
                  <a:pt x="54980" y="10574"/>
                </a:lnTo>
                <a:lnTo>
                  <a:pt x="54925" y="10574"/>
                </a:lnTo>
                <a:lnTo>
                  <a:pt x="54925" y="10465"/>
                </a:lnTo>
                <a:cubicBezTo>
                  <a:pt x="54925" y="10366"/>
                  <a:pt x="54845" y="10287"/>
                  <a:pt x="54747" y="10287"/>
                </a:cubicBezTo>
                <a:cubicBezTo>
                  <a:pt x="54649" y="10287"/>
                  <a:pt x="54570" y="10366"/>
                  <a:pt x="54570" y="10465"/>
                </a:cubicBezTo>
                <a:lnTo>
                  <a:pt x="54570" y="10574"/>
                </a:lnTo>
                <a:lnTo>
                  <a:pt x="54513" y="10574"/>
                </a:lnTo>
                <a:lnTo>
                  <a:pt x="54513" y="10465"/>
                </a:lnTo>
                <a:cubicBezTo>
                  <a:pt x="54513" y="10366"/>
                  <a:pt x="54435" y="10287"/>
                  <a:pt x="54337" y="10287"/>
                </a:cubicBezTo>
                <a:cubicBezTo>
                  <a:pt x="54238" y="10287"/>
                  <a:pt x="54159" y="10366"/>
                  <a:pt x="54159" y="10465"/>
                </a:cubicBezTo>
                <a:lnTo>
                  <a:pt x="54159" y="10574"/>
                </a:lnTo>
                <a:lnTo>
                  <a:pt x="54090" y="10574"/>
                </a:lnTo>
                <a:lnTo>
                  <a:pt x="54090" y="9444"/>
                </a:lnTo>
                <a:lnTo>
                  <a:pt x="53675" y="9444"/>
                </a:lnTo>
                <a:lnTo>
                  <a:pt x="53675" y="11059"/>
                </a:lnTo>
                <a:lnTo>
                  <a:pt x="53382" y="11059"/>
                </a:lnTo>
                <a:lnTo>
                  <a:pt x="53382" y="8999"/>
                </a:lnTo>
                <a:close/>
                <a:moveTo>
                  <a:pt x="68938" y="8999"/>
                </a:moveTo>
                <a:lnTo>
                  <a:pt x="68938" y="11059"/>
                </a:lnTo>
                <a:lnTo>
                  <a:pt x="68645" y="11059"/>
                </a:lnTo>
                <a:lnTo>
                  <a:pt x="68645" y="9444"/>
                </a:lnTo>
                <a:lnTo>
                  <a:pt x="68229" y="9444"/>
                </a:lnTo>
                <a:lnTo>
                  <a:pt x="68229" y="10574"/>
                </a:lnTo>
                <a:lnTo>
                  <a:pt x="68162" y="10574"/>
                </a:lnTo>
                <a:lnTo>
                  <a:pt x="68162" y="10465"/>
                </a:lnTo>
                <a:cubicBezTo>
                  <a:pt x="68162" y="10366"/>
                  <a:pt x="68082" y="10287"/>
                  <a:pt x="67984" y="10287"/>
                </a:cubicBezTo>
                <a:cubicBezTo>
                  <a:pt x="67886" y="10287"/>
                  <a:pt x="67806" y="10366"/>
                  <a:pt x="67806" y="10465"/>
                </a:cubicBezTo>
                <a:lnTo>
                  <a:pt x="67806" y="10574"/>
                </a:lnTo>
                <a:lnTo>
                  <a:pt x="67751" y="10574"/>
                </a:lnTo>
                <a:lnTo>
                  <a:pt x="67751" y="10465"/>
                </a:lnTo>
                <a:cubicBezTo>
                  <a:pt x="67751" y="10366"/>
                  <a:pt x="67671" y="10287"/>
                  <a:pt x="67574" y="10287"/>
                </a:cubicBezTo>
                <a:cubicBezTo>
                  <a:pt x="67476" y="10287"/>
                  <a:pt x="67396" y="10366"/>
                  <a:pt x="67396" y="10465"/>
                </a:cubicBezTo>
                <a:lnTo>
                  <a:pt x="67396" y="10574"/>
                </a:lnTo>
                <a:lnTo>
                  <a:pt x="67340" y="10574"/>
                </a:lnTo>
                <a:lnTo>
                  <a:pt x="67340" y="10465"/>
                </a:lnTo>
                <a:cubicBezTo>
                  <a:pt x="67340" y="10366"/>
                  <a:pt x="67261" y="10287"/>
                  <a:pt x="67162" y="10287"/>
                </a:cubicBezTo>
                <a:cubicBezTo>
                  <a:pt x="67065" y="10287"/>
                  <a:pt x="66986" y="10366"/>
                  <a:pt x="66986" y="10465"/>
                </a:cubicBezTo>
                <a:lnTo>
                  <a:pt x="66986" y="10574"/>
                </a:lnTo>
                <a:lnTo>
                  <a:pt x="66930" y="10574"/>
                </a:lnTo>
                <a:lnTo>
                  <a:pt x="66930" y="10465"/>
                </a:lnTo>
                <a:cubicBezTo>
                  <a:pt x="66930" y="10366"/>
                  <a:pt x="66850" y="10287"/>
                  <a:pt x="66752" y="10287"/>
                </a:cubicBezTo>
                <a:cubicBezTo>
                  <a:pt x="66654" y="10287"/>
                  <a:pt x="66575" y="10366"/>
                  <a:pt x="66575" y="10465"/>
                </a:cubicBezTo>
                <a:lnTo>
                  <a:pt x="66575" y="10574"/>
                </a:lnTo>
                <a:lnTo>
                  <a:pt x="66507" y="10574"/>
                </a:lnTo>
                <a:lnTo>
                  <a:pt x="66507" y="9444"/>
                </a:lnTo>
                <a:lnTo>
                  <a:pt x="66092" y="9444"/>
                </a:lnTo>
                <a:lnTo>
                  <a:pt x="66092" y="11059"/>
                </a:lnTo>
                <a:lnTo>
                  <a:pt x="65798" y="11059"/>
                </a:lnTo>
                <a:lnTo>
                  <a:pt x="65798" y="8999"/>
                </a:lnTo>
                <a:close/>
                <a:moveTo>
                  <a:pt x="47607" y="4482"/>
                </a:moveTo>
                <a:cubicBezTo>
                  <a:pt x="47439" y="5818"/>
                  <a:pt x="46945" y="7717"/>
                  <a:pt x="45550" y="9225"/>
                </a:cubicBezTo>
                <a:cubicBezTo>
                  <a:pt x="44021" y="10879"/>
                  <a:pt x="41735" y="11718"/>
                  <a:pt x="38755" y="11718"/>
                </a:cubicBezTo>
                <a:cubicBezTo>
                  <a:pt x="35786" y="11718"/>
                  <a:pt x="33502" y="10881"/>
                  <a:pt x="31961" y="9230"/>
                </a:cubicBezTo>
                <a:cubicBezTo>
                  <a:pt x="30562" y="7729"/>
                  <a:pt x="30048" y="5833"/>
                  <a:pt x="29863" y="4482"/>
                </a:cubicBezTo>
                <a:close/>
                <a:moveTo>
                  <a:pt x="28365" y="4482"/>
                </a:moveTo>
                <a:cubicBezTo>
                  <a:pt x="27459" y="7179"/>
                  <a:pt x="25095" y="11919"/>
                  <a:pt x="19664" y="11919"/>
                </a:cubicBezTo>
                <a:cubicBezTo>
                  <a:pt x="15603" y="11919"/>
                  <a:pt x="13286" y="9571"/>
                  <a:pt x="11999" y="7349"/>
                </a:cubicBezTo>
                <a:lnTo>
                  <a:pt x="11999" y="4482"/>
                </a:lnTo>
                <a:close/>
                <a:moveTo>
                  <a:pt x="56523" y="12042"/>
                </a:moveTo>
                <a:lnTo>
                  <a:pt x="56523" y="12126"/>
                </a:lnTo>
                <a:cubicBezTo>
                  <a:pt x="56424" y="12116"/>
                  <a:pt x="56327" y="12104"/>
                  <a:pt x="56229" y="12092"/>
                </a:cubicBezTo>
                <a:lnTo>
                  <a:pt x="56229" y="12042"/>
                </a:lnTo>
                <a:close/>
                <a:moveTo>
                  <a:pt x="55391" y="22148"/>
                </a:moveTo>
                <a:lnTo>
                  <a:pt x="55391" y="22213"/>
                </a:lnTo>
                <a:cubicBezTo>
                  <a:pt x="55391" y="22312"/>
                  <a:pt x="55470" y="22391"/>
                  <a:pt x="55569" y="22391"/>
                </a:cubicBezTo>
                <a:cubicBezTo>
                  <a:pt x="55666" y="22391"/>
                  <a:pt x="55745" y="22312"/>
                  <a:pt x="55745" y="22213"/>
                </a:cubicBezTo>
                <a:lnTo>
                  <a:pt x="55745" y="22149"/>
                </a:lnTo>
                <a:cubicBezTo>
                  <a:pt x="56065" y="22241"/>
                  <a:pt x="56282" y="22574"/>
                  <a:pt x="56186" y="22938"/>
                </a:cubicBezTo>
                <a:cubicBezTo>
                  <a:pt x="56129" y="23152"/>
                  <a:pt x="55956" y="23325"/>
                  <a:pt x="55742" y="23381"/>
                </a:cubicBezTo>
                <a:cubicBezTo>
                  <a:pt x="55683" y="23397"/>
                  <a:pt x="55625" y="23404"/>
                  <a:pt x="55568" y="23404"/>
                </a:cubicBezTo>
                <a:cubicBezTo>
                  <a:pt x="55159" y="23404"/>
                  <a:pt x="54838" y="23017"/>
                  <a:pt x="54952" y="22590"/>
                </a:cubicBezTo>
                <a:cubicBezTo>
                  <a:pt x="55007" y="22378"/>
                  <a:pt x="55179" y="22206"/>
                  <a:pt x="55391" y="22148"/>
                </a:cubicBezTo>
                <a:close/>
                <a:moveTo>
                  <a:pt x="66574" y="22148"/>
                </a:moveTo>
                <a:lnTo>
                  <a:pt x="66574" y="22213"/>
                </a:lnTo>
                <a:cubicBezTo>
                  <a:pt x="66574" y="22312"/>
                  <a:pt x="66654" y="22391"/>
                  <a:pt x="66752" y="22391"/>
                </a:cubicBezTo>
                <a:cubicBezTo>
                  <a:pt x="66850" y="22391"/>
                  <a:pt x="66929" y="22312"/>
                  <a:pt x="66929" y="22213"/>
                </a:cubicBezTo>
                <a:lnTo>
                  <a:pt x="66929" y="22149"/>
                </a:lnTo>
                <a:cubicBezTo>
                  <a:pt x="67248" y="22241"/>
                  <a:pt x="67465" y="22574"/>
                  <a:pt x="67369" y="22938"/>
                </a:cubicBezTo>
                <a:cubicBezTo>
                  <a:pt x="67312" y="23152"/>
                  <a:pt x="67140" y="23325"/>
                  <a:pt x="66926" y="23381"/>
                </a:cubicBezTo>
                <a:cubicBezTo>
                  <a:pt x="66867" y="23397"/>
                  <a:pt x="66808" y="23404"/>
                  <a:pt x="66752" y="23404"/>
                </a:cubicBezTo>
                <a:cubicBezTo>
                  <a:pt x="66342" y="23404"/>
                  <a:pt x="66021" y="23017"/>
                  <a:pt x="66135" y="22590"/>
                </a:cubicBezTo>
                <a:cubicBezTo>
                  <a:pt x="66191" y="22378"/>
                  <a:pt x="66362" y="22206"/>
                  <a:pt x="66574" y="22148"/>
                </a:cubicBezTo>
                <a:close/>
                <a:moveTo>
                  <a:pt x="66092" y="12042"/>
                </a:moveTo>
                <a:lnTo>
                  <a:pt x="66092" y="14051"/>
                </a:lnTo>
                <a:lnTo>
                  <a:pt x="66507" y="14051"/>
                </a:lnTo>
                <a:lnTo>
                  <a:pt x="66507" y="12923"/>
                </a:lnTo>
                <a:lnTo>
                  <a:pt x="66574" y="12923"/>
                </a:lnTo>
                <a:lnTo>
                  <a:pt x="66574" y="13032"/>
                </a:lnTo>
                <a:lnTo>
                  <a:pt x="66574" y="21670"/>
                </a:lnTo>
                <a:cubicBezTo>
                  <a:pt x="66559" y="21672"/>
                  <a:pt x="66543" y="21671"/>
                  <a:pt x="66528" y="21674"/>
                </a:cubicBezTo>
                <a:cubicBezTo>
                  <a:pt x="66087" y="21761"/>
                  <a:pt x="65735" y="22120"/>
                  <a:pt x="65657" y="22563"/>
                </a:cubicBezTo>
                <a:cubicBezTo>
                  <a:pt x="65563" y="23097"/>
                  <a:pt x="65854" y="23579"/>
                  <a:pt x="66297" y="23778"/>
                </a:cubicBezTo>
                <a:cubicBezTo>
                  <a:pt x="66414" y="23830"/>
                  <a:pt x="66485" y="23950"/>
                  <a:pt x="66485" y="24078"/>
                </a:cubicBezTo>
                <a:lnTo>
                  <a:pt x="66485" y="24440"/>
                </a:lnTo>
                <a:cubicBezTo>
                  <a:pt x="64794" y="23678"/>
                  <a:pt x="62977" y="23296"/>
                  <a:pt x="61160" y="23296"/>
                </a:cubicBezTo>
                <a:cubicBezTo>
                  <a:pt x="59343" y="23296"/>
                  <a:pt x="57526" y="23678"/>
                  <a:pt x="55835" y="24440"/>
                </a:cubicBezTo>
                <a:lnTo>
                  <a:pt x="55835" y="24070"/>
                </a:lnTo>
                <a:cubicBezTo>
                  <a:pt x="55835" y="23940"/>
                  <a:pt x="55917" y="23828"/>
                  <a:pt x="56035" y="23773"/>
                </a:cubicBezTo>
                <a:cubicBezTo>
                  <a:pt x="56415" y="23596"/>
                  <a:pt x="56681" y="23211"/>
                  <a:pt x="56681" y="22764"/>
                </a:cubicBezTo>
                <a:cubicBezTo>
                  <a:pt x="56681" y="22211"/>
                  <a:pt x="56275" y="21759"/>
                  <a:pt x="55745" y="21673"/>
                </a:cubicBezTo>
                <a:lnTo>
                  <a:pt x="55745" y="13031"/>
                </a:lnTo>
                <a:lnTo>
                  <a:pt x="55745" y="12962"/>
                </a:lnTo>
                <a:cubicBezTo>
                  <a:pt x="55768" y="12965"/>
                  <a:pt x="55792" y="12967"/>
                  <a:pt x="55814" y="12970"/>
                </a:cubicBezTo>
                <a:lnTo>
                  <a:pt x="55814" y="14051"/>
                </a:lnTo>
                <a:lnTo>
                  <a:pt x="56229" y="14051"/>
                </a:lnTo>
                <a:lnTo>
                  <a:pt x="56229" y="13019"/>
                </a:lnTo>
                <a:cubicBezTo>
                  <a:pt x="56327" y="13029"/>
                  <a:pt x="56422" y="13045"/>
                  <a:pt x="56523" y="13053"/>
                </a:cubicBezTo>
                <a:lnTo>
                  <a:pt x="56523" y="14051"/>
                </a:lnTo>
                <a:lnTo>
                  <a:pt x="57112" y="14051"/>
                </a:lnTo>
                <a:cubicBezTo>
                  <a:pt x="57272" y="14514"/>
                  <a:pt x="57706" y="14848"/>
                  <a:pt x="58223" y="14848"/>
                </a:cubicBezTo>
                <a:lnTo>
                  <a:pt x="64264" y="14848"/>
                </a:lnTo>
                <a:cubicBezTo>
                  <a:pt x="64781" y="14848"/>
                  <a:pt x="65216" y="14514"/>
                  <a:pt x="65375" y="14051"/>
                </a:cubicBezTo>
                <a:lnTo>
                  <a:pt x="65798" y="14051"/>
                </a:lnTo>
                <a:lnTo>
                  <a:pt x="65798" y="12042"/>
                </a:lnTo>
                <a:close/>
                <a:moveTo>
                  <a:pt x="0" y="1"/>
                </a:moveTo>
                <a:lnTo>
                  <a:pt x="0" y="928"/>
                </a:lnTo>
                <a:lnTo>
                  <a:pt x="0" y="3553"/>
                </a:lnTo>
                <a:lnTo>
                  <a:pt x="0" y="4482"/>
                </a:lnTo>
                <a:lnTo>
                  <a:pt x="6284" y="4482"/>
                </a:lnTo>
                <a:lnTo>
                  <a:pt x="6284" y="64849"/>
                </a:lnTo>
                <a:lnTo>
                  <a:pt x="11999" y="64849"/>
                </a:lnTo>
                <a:lnTo>
                  <a:pt x="11999" y="8951"/>
                </a:lnTo>
                <a:cubicBezTo>
                  <a:pt x="13514" y="10992"/>
                  <a:pt x="15918" y="12841"/>
                  <a:pt x="19664" y="12841"/>
                </a:cubicBezTo>
                <a:cubicBezTo>
                  <a:pt x="25322" y="12841"/>
                  <a:pt x="27947" y="8252"/>
                  <a:pt x="29053" y="5283"/>
                </a:cubicBezTo>
                <a:cubicBezTo>
                  <a:pt x="29328" y="6679"/>
                  <a:pt x="29940" y="8409"/>
                  <a:pt x="31281" y="9852"/>
                </a:cubicBezTo>
                <a:cubicBezTo>
                  <a:pt x="33002" y="11702"/>
                  <a:pt x="35517" y="12639"/>
                  <a:pt x="38755" y="12639"/>
                </a:cubicBezTo>
                <a:cubicBezTo>
                  <a:pt x="42003" y="12639"/>
                  <a:pt x="44517" y="11701"/>
                  <a:pt x="46227" y="9850"/>
                </a:cubicBezTo>
                <a:cubicBezTo>
                  <a:pt x="47160" y="8842"/>
                  <a:pt x="47732" y="7693"/>
                  <a:pt x="48081" y="6618"/>
                </a:cubicBezTo>
                <a:cubicBezTo>
                  <a:pt x="48412" y="7773"/>
                  <a:pt x="48988" y="9023"/>
                  <a:pt x="49976" y="10121"/>
                </a:cubicBezTo>
                <a:cubicBezTo>
                  <a:pt x="50505" y="10709"/>
                  <a:pt x="51123" y="11202"/>
                  <a:pt x="51808" y="11618"/>
                </a:cubicBezTo>
                <a:cubicBezTo>
                  <a:pt x="51842" y="11856"/>
                  <a:pt x="52039" y="12042"/>
                  <a:pt x="52286" y="12042"/>
                </a:cubicBezTo>
                <a:lnTo>
                  <a:pt x="52497" y="12042"/>
                </a:lnTo>
                <a:lnTo>
                  <a:pt x="52497" y="13972"/>
                </a:lnTo>
                <a:lnTo>
                  <a:pt x="53382" y="13972"/>
                </a:lnTo>
                <a:lnTo>
                  <a:pt x="53382" y="12384"/>
                </a:lnTo>
                <a:cubicBezTo>
                  <a:pt x="53476" y="12418"/>
                  <a:pt x="53579" y="12444"/>
                  <a:pt x="53675" y="12476"/>
                </a:cubicBezTo>
                <a:lnTo>
                  <a:pt x="53675" y="14051"/>
                </a:lnTo>
                <a:lnTo>
                  <a:pt x="54090" y="14051"/>
                </a:lnTo>
                <a:lnTo>
                  <a:pt x="54090" y="12922"/>
                </a:lnTo>
                <a:lnTo>
                  <a:pt x="54159" y="12922"/>
                </a:lnTo>
                <a:lnTo>
                  <a:pt x="54159" y="13031"/>
                </a:lnTo>
                <a:cubicBezTo>
                  <a:pt x="54159" y="13129"/>
                  <a:pt x="54238" y="13209"/>
                  <a:pt x="54337" y="13209"/>
                </a:cubicBezTo>
                <a:cubicBezTo>
                  <a:pt x="54435" y="13209"/>
                  <a:pt x="54513" y="13129"/>
                  <a:pt x="54513" y="13031"/>
                </a:cubicBezTo>
                <a:lnTo>
                  <a:pt x="54513" y="12922"/>
                </a:lnTo>
                <a:lnTo>
                  <a:pt x="54570" y="12922"/>
                </a:lnTo>
                <a:lnTo>
                  <a:pt x="54570" y="13031"/>
                </a:lnTo>
                <a:cubicBezTo>
                  <a:pt x="54570" y="13129"/>
                  <a:pt x="54649" y="13209"/>
                  <a:pt x="54747" y="13209"/>
                </a:cubicBezTo>
                <a:cubicBezTo>
                  <a:pt x="54845" y="13209"/>
                  <a:pt x="54925" y="13129"/>
                  <a:pt x="54925" y="13031"/>
                </a:cubicBezTo>
                <a:lnTo>
                  <a:pt x="54925" y="12922"/>
                </a:lnTo>
                <a:lnTo>
                  <a:pt x="54980" y="12922"/>
                </a:lnTo>
                <a:lnTo>
                  <a:pt x="54980" y="13031"/>
                </a:lnTo>
                <a:cubicBezTo>
                  <a:pt x="54980" y="13129"/>
                  <a:pt x="55060" y="13209"/>
                  <a:pt x="55157" y="13209"/>
                </a:cubicBezTo>
                <a:cubicBezTo>
                  <a:pt x="55255" y="13209"/>
                  <a:pt x="55335" y="13129"/>
                  <a:pt x="55335" y="13031"/>
                </a:cubicBezTo>
                <a:lnTo>
                  <a:pt x="55335" y="12922"/>
                </a:lnTo>
                <a:lnTo>
                  <a:pt x="55391" y="12922"/>
                </a:lnTo>
                <a:lnTo>
                  <a:pt x="55391" y="13031"/>
                </a:lnTo>
                <a:lnTo>
                  <a:pt x="55391" y="21670"/>
                </a:lnTo>
                <a:cubicBezTo>
                  <a:pt x="55375" y="21672"/>
                  <a:pt x="55360" y="21671"/>
                  <a:pt x="55344" y="21674"/>
                </a:cubicBezTo>
                <a:cubicBezTo>
                  <a:pt x="54903" y="21761"/>
                  <a:pt x="54552" y="22120"/>
                  <a:pt x="54474" y="22563"/>
                </a:cubicBezTo>
                <a:cubicBezTo>
                  <a:pt x="54379" y="23097"/>
                  <a:pt x="54669" y="23578"/>
                  <a:pt x="55113" y="23777"/>
                </a:cubicBezTo>
                <a:cubicBezTo>
                  <a:pt x="55230" y="23830"/>
                  <a:pt x="55302" y="23950"/>
                  <a:pt x="55302" y="24078"/>
                </a:cubicBezTo>
                <a:lnTo>
                  <a:pt x="55302" y="24696"/>
                </a:lnTo>
                <a:cubicBezTo>
                  <a:pt x="54588" y="25058"/>
                  <a:pt x="53897" y="25483"/>
                  <a:pt x="53245" y="25985"/>
                </a:cubicBezTo>
                <a:cubicBezTo>
                  <a:pt x="53085" y="26108"/>
                  <a:pt x="52957" y="26261"/>
                  <a:pt x="52844" y="26425"/>
                </a:cubicBezTo>
                <a:lnTo>
                  <a:pt x="52834" y="26425"/>
                </a:lnTo>
                <a:cubicBezTo>
                  <a:pt x="52794" y="26481"/>
                  <a:pt x="52762" y="26543"/>
                  <a:pt x="52729" y="26603"/>
                </a:cubicBezTo>
                <a:cubicBezTo>
                  <a:pt x="52715" y="26631"/>
                  <a:pt x="52698" y="26656"/>
                  <a:pt x="52685" y="26684"/>
                </a:cubicBezTo>
                <a:cubicBezTo>
                  <a:pt x="52634" y="26790"/>
                  <a:pt x="52596" y="26903"/>
                  <a:pt x="52565" y="27019"/>
                </a:cubicBezTo>
                <a:cubicBezTo>
                  <a:pt x="52557" y="27053"/>
                  <a:pt x="52548" y="27087"/>
                  <a:pt x="52541" y="27122"/>
                </a:cubicBezTo>
                <a:cubicBezTo>
                  <a:pt x="52515" y="27248"/>
                  <a:pt x="52497" y="27376"/>
                  <a:pt x="52497" y="27507"/>
                </a:cubicBezTo>
                <a:lnTo>
                  <a:pt x="52497" y="27585"/>
                </a:lnTo>
                <a:lnTo>
                  <a:pt x="52497" y="28903"/>
                </a:lnTo>
                <a:cubicBezTo>
                  <a:pt x="52497" y="29267"/>
                  <a:pt x="52791" y="29563"/>
                  <a:pt x="53156" y="29563"/>
                </a:cubicBezTo>
                <a:lnTo>
                  <a:pt x="69165" y="29563"/>
                </a:lnTo>
                <a:cubicBezTo>
                  <a:pt x="69529" y="29563"/>
                  <a:pt x="69824" y="29267"/>
                  <a:pt x="69824" y="28903"/>
                </a:cubicBezTo>
                <a:lnTo>
                  <a:pt x="69824" y="27585"/>
                </a:lnTo>
                <a:lnTo>
                  <a:pt x="69824" y="27507"/>
                </a:lnTo>
                <a:cubicBezTo>
                  <a:pt x="69824" y="27376"/>
                  <a:pt x="69806" y="27248"/>
                  <a:pt x="69780" y="27122"/>
                </a:cubicBezTo>
                <a:cubicBezTo>
                  <a:pt x="69772" y="27087"/>
                  <a:pt x="69764" y="27053"/>
                  <a:pt x="69755" y="27019"/>
                </a:cubicBezTo>
                <a:cubicBezTo>
                  <a:pt x="69724" y="26903"/>
                  <a:pt x="69687" y="26790"/>
                  <a:pt x="69635" y="26684"/>
                </a:cubicBezTo>
                <a:cubicBezTo>
                  <a:pt x="69623" y="26656"/>
                  <a:pt x="69605" y="26631"/>
                  <a:pt x="69591" y="26603"/>
                </a:cubicBezTo>
                <a:cubicBezTo>
                  <a:pt x="69558" y="26543"/>
                  <a:pt x="69526" y="26481"/>
                  <a:pt x="69487" y="26425"/>
                </a:cubicBezTo>
                <a:lnTo>
                  <a:pt x="69476" y="26425"/>
                </a:lnTo>
                <a:cubicBezTo>
                  <a:pt x="69364" y="26261"/>
                  <a:pt x="69236" y="26108"/>
                  <a:pt x="69075" y="25985"/>
                </a:cubicBezTo>
                <a:cubicBezTo>
                  <a:pt x="68422" y="25483"/>
                  <a:pt x="67732" y="25058"/>
                  <a:pt x="67019" y="24696"/>
                </a:cubicBezTo>
                <a:lnTo>
                  <a:pt x="67019" y="24070"/>
                </a:lnTo>
                <a:cubicBezTo>
                  <a:pt x="67019" y="23940"/>
                  <a:pt x="67099" y="23828"/>
                  <a:pt x="67218" y="23773"/>
                </a:cubicBezTo>
                <a:cubicBezTo>
                  <a:pt x="67600" y="23596"/>
                  <a:pt x="67864" y="23211"/>
                  <a:pt x="67864" y="22764"/>
                </a:cubicBezTo>
                <a:cubicBezTo>
                  <a:pt x="67864" y="22211"/>
                  <a:pt x="67458" y="21759"/>
                  <a:pt x="66929" y="21673"/>
                </a:cubicBezTo>
                <a:lnTo>
                  <a:pt x="66929" y="13031"/>
                </a:lnTo>
                <a:lnTo>
                  <a:pt x="66929" y="12922"/>
                </a:lnTo>
                <a:lnTo>
                  <a:pt x="66986" y="12922"/>
                </a:lnTo>
                <a:lnTo>
                  <a:pt x="66986" y="13031"/>
                </a:lnTo>
                <a:cubicBezTo>
                  <a:pt x="66986" y="13129"/>
                  <a:pt x="67064" y="13209"/>
                  <a:pt x="67162" y="13209"/>
                </a:cubicBezTo>
                <a:cubicBezTo>
                  <a:pt x="67261" y="13209"/>
                  <a:pt x="67340" y="13129"/>
                  <a:pt x="67340" y="13031"/>
                </a:cubicBezTo>
                <a:lnTo>
                  <a:pt x="67340" y="12922"/>
                </a:lnTo>
                <a:lnTo>
                  <a:pt x="67396" y="12922"/>
                </a:lnTo>
                <a:lnTo>
                  <a:pt x="67396" y="13031"/>
                </a:lnTo>
                <a:cubicBezTo>
                  <a:pt x="67396" y="13129"/>
                  <a:pt x="67476" y="13209"/>
                  <a:pt x="67574" y="13209"/>
                </a:cubicBezTo>
                <a:cubicBezTo>
                  <a:pt x="67671" y="13209"/>
                  <a:pt x="67751" y="13129"/>
                  <a:pt x="67751" y="13031"/>
                </a:cubicBezTo>
                <a:lnTo>
                  <a:pt x="67751" y="12922"/>
                </a:lnTo>
                <a:lnTo>
                  <a:pt x="67806" y="12922"/>
                </a:lnTo>
                <a:lnTo>
                  <a:pt x="67806" y="13031"/>
                </a:lnTo>
                <a:cubicBezTo>
                  <a:pt x="67806" y="13129"/>
                  <a:pt x="67886" y="13209"/>
                  <a:pt x="67984" y="13209"/>
                </a:cubicBezTo>
                <a:cubicBezTo>
                  <a:pt x="68082" y="13209"/>
                  <a:pt x="68161" y="13129"/>
                  <a:pt x="68161" y="13031"/>
                </a:cubicBezTo>
                <a:lnTo>
                  <a:pt x="68161" y="12922"/>
                </a:lnTo>
                <a:lnTo>
                  <a:pt x="68229" y="12922"/>
                </a:lnTo>
                <a:lnTo>
                  <a:pt x="68229" y="14051"/>
                </a:lnTo>
                <a:lnTo>
                  <a:pt x="68645" y="14051"/>
                </a:lnTo>
                <a:lnTo>
                  <a:pt x="68645" y="12042"/>
                </a:lnTo>
                <a:lnTo>
                  <a:pt x="68938" y="12042"/>
                </a:lnTo>
                <a:lnTo>
                  <a:pt x="68938" y="13972"/>
                </a:lnTo>
                <a:lnTo>
                  <a:pt x="69824" y="13972"/>
                </a:lnTo>
                <a:lnTo>
                  <a:pt x="69824" y="12042"/>
                </a:lnTo>
                <a:lnTo>
                  <a:pt x="70035" y="12042"/>
                </a:lnTo>
                <a:cubicBezTo>
                  <a:pt x="70306" y="12042"/>
                  <a:pt x="70526" y="11822"/>
                  <a:pt x="70526" y="11550"/>
                </a:cubicBezTo>
                <a:cubicBezTo>
                  <a:pt x="70526" y="11279"/>
                  <a:pt x="70306" y="11059"/>
                  <a:pt x="70035" y="11059"/>
                </a:cubicBezTo>
                <a:lnTo>
                  <a:pt x="69824" y="11059"/>
                </a:lnTo>
                <a:lnTo>
                  <a:pt x="69824" y="8999"/>
                </a:lnTo>
                <a:lnTo>
                  <a:pt x="69824" y="8066"/>
                </a:lnTo>
                <a:lnTo>
                  <a:pt x="69824" y="7214"/>
                </a:lnTo>
                <a:lnTo>
                  <a:pt x="69249" y="4482"/>
                </a:lnTo>
                <a:lnTo>
                  <a:pt x="75558" y="4482"/>
                </a:lnTo>
                <a:lnTo>
                  <a:pt x="75558" y="3553"/>
                </a:lnTo>
                <a:lnTo>
                  <a:pt x="75558" y="928"/>
                </a:lnTo>
                <a:lnTo>
                  <a:pt x="76677" y="1"/>
                </a:lnTo>
                <a:close/>
              </a:path>
            </a:pathLst>
          </a:custGeom>
          <a:solidFill>
            <a:srgbClr val="16263C">
              <a:alpha val="1013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dirty="0"/>
          </a:p>
        </p:txBody>
      </p:sp>
      <p:grpSp>
        <p:nvGrpSpPr>
          <p:cNvPr id="4" name="Google Shape;1131;p43">
            <a:extLst>
              <a:ext uri="{FF2B5EF4-FFF2-40B4-BE49-F238E27FC236}">
                <a16:creationId xmlns:a16="http://schemas.microsoft.com/office/drawing/2014/main" xmlns="" id="{F824818D-23CE-C730-7E02-A3E050F4A38F}"/>
              </a:ext>
            </a:extLst>
          </p:cNvPr>
          <p:cNvGrpSpPr/>
          <p:nvPr/>
        </p:nvGrpSpPr>
        <p:grpSpPr>
          <a:xfrm>
            <a:off x="279188" y="1353324"/>
            <a:ext cx="3922699" cy="3664698"/>
            <a:chOff x="2962128" y="1237638"/>
            <a:chExt cx="4051956" cy="3664698"/>
          </a:xfrm>
        </p:grpSpPr>
        <p:sp>
          <p:nvSpPr>
            <p:cNvPr id="5" name="Google Shape;1132;p43">
              <a:extLst>
                <a:ext uri="{FF2B5EF4-FFF2-40B4-BE49-F238E27FC236}">
                  <a16:creationId xmlns:a16="http://schemas.microsoft.com/office/drawing/2014/main" xmlns="" id="{62C202A0-EC39-18E1-AB5C-3C6085936C73}"/>
                </a:ext>
              </a:extLst>
            </p:cNvPr>
            <p:cNvSpPr/>
            <p:nvPr/>
          </p:nvSpPr>
          <p:spPr>
            <a:xfrm>
              <a:off x="6751761" y="3394268"/>
              <a:ext cx="235512" cy="225441"/>
            </a:xfrm>
            <a:custGeom>
              <a:avLst/>
              <a:gdLst/>
              <a:ahLst/>
              <a:cxnLst/>
              <a:rect l="l" t="t" r="r" b="b"/>
              <a:pathLst>
                <a:path w="3461" h="3313" extrusionOk="0">
                  <a:moveTo>
                    <a:pt x="2696" y="0"/>
                  </a:moveTo>
                  <a:cubicBezTo>
                    <a:pt x="2514" y="0"/>
                    <a:pt x="2333" y="68"/>
                    <a:pt x="2192" y="204"/>
                  </a:cubicBezTo>
                  <a:cubicBezTo>
                    <a:pt x="2072" y="320"/>
                    <a:pt x="2002" y="468"/>
                    <a:pt x="1980" y="622"/>
                  </a:cubicBezTo>
                  <a:cubicBezTo>
                    <a:pt x="1961" y="773"/>
                    <a:pt x="1876" y="908"/>
                    <a:pt x="1766" y="1014"/>
                  </a:cubicBezTo>
                  <a:lnTo>
                    <a:pt x="1087" y="1669"/>
                  </a:lnTo>
                  <a:cubicBezTo>
                    <a:pt x="978" y="1776"/>
                    <a:pt x="839" y="1855"/>
                    <a:pt x="688" y="1871"/>
                  </a:cubicBezTo>
                  <a:cubicBezTo>
                    <a:pt x="482" y="1892"/>
                    <a:pt x="286" y="1998"/>
                    <a:pt x="155" y="2197"/>
                  </a:cubicBezTo>
                  <a:cubicBezTo>
                    <a:pt x="7" y="2423"/>
                    <a:pt x="1" y="2725"/>
                    <a:pt x="140" y="2956"/>
                  </a:cubicBezTo>
                  <a:cubicBezTo>
                    <a:pt x="284" y="3193"/>
                    <a:pt x="524" y="3313"/>
                    <a:pt x="765" y="3313"/>
                  </a:cubicBezTo>
                  <a:cubicBezTo>
                    <a:pt x="946" y="3313"/>
                    <a:pt x="1127" y="3245"/>
                    <a:pt x="1268" y="3109"/>
                  </a:cubicBezTo>
                  <a:cubicBezTo>
                    <a:pt x="1389" y="2993"/>
                    <a:pt x="1459" y="2845"/>
                    <a:pt x="1480" y="2691"/>
                  </a:cubicBezTo>
                  <a:cubicBezTo>
                    <a:pt x="1501" y="2540"/>
                    <a:pt x="1585" y="2405"/>
                    <a:pt x="1695" y="2300"/>
                  </a:cubicBezTo>
                  <a:lnTo>
                    <a:pt x="2374" y="1644"/>
                  </a:lnTo>
                  <a:cubicBezTo>
                    <a:pt x="2484" y="1537"/>
                    <a:pt x="2621" y="1458"/>
                    <a:pt x="2773" y="1442"/>
                  </a:cubicBezTo>
                  <a:cubicBezTo>
                    <a:pt x="2978" y="1421"/>
                    <a:pt x="3175" y="1315"/>
                    <a:pt x="3305" y="1116"/>
                  </a:cubicBezTo>
                  <a:cubicBezTo>
                    <a:pt x="3453" y="890"/>
                    <a:pt x="3460" y="588"/>
                    <a:pt x="3321" y="357"/>
                  </a:cubicBezTo>
                  <a:cubicBezTo>
                    <a:pt x="3177" y="120"/>
                    <a:pt x="2936" y="0"/>
                    <a:pt x="2696"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 name="Google Shape;1133;p43">
              <a:extLst>
                <a:ext uri="{FF2B5EF4-FFF2-40B4-BE49-F238E27FC236}">
                  <a16:creationId xmlns:a16="http://schemas.microsoft.com/office/drawing/2014/main" xmlns="" id="{D1B6B9F0-D0C5-19B6-F9F4-D5ED4189F8E3}"/>
                </a:ext>
              </a:extLst>
            </p:cNvPr>
            <p:cNvSpPr/>
            <p:nvPr/>
          </p:nvSpPr>
          <p:spPr>
            <a:xfrm>
              <a:off x="6860773" y="3394268"/>
              <a:ext cx="126500" cy="123506"/>
            </a:xfrm>
            <a:custGeom>
              <a:avLst/>
              <a:gdLst/>
              <a:ahLst/>
              <a:cxnLst/>
              <a:rect l="l" t="t" r="r" b="b"/>
              <a:pathLst>
                <a:path w="1859" h="1815" extrusionOk="0">
                  <a:moveTo>
                    <a:pt x="1093" y="0"/>
                  </a:moveTo>
                  <a:cubicBezTo>
                    <a:pt x="912" y="0"/>
                    <a:pt x="731" y="68"/>
                    <a:pt x="590" y="204"/>
                  </a:cubicBezTo>
                  <a:cubicBezTo>
                    <a:pt x="470" y="320"/>
                    <a:pt x="400" y="468"/>
                    <a:pt x="378" y="622"/>
                  </a:cubicBezTo>
                  <a:cubicBezTo>
                    <a:pt x="359" y="773"/>
                    <a:pt x="274" y="908"/>
                    <a:pt x="164" y="1014"/>
                  </a:cubicBezTo>
                  <a:lnTo>
                    <a:pt x="1" y="1171"/>
                  </a:lnTo>
                  <a:cubicBezTo>
                    <a:pt x="110" y="1454"/>
                    <a:pt x="323" y="1683"/>
                    <a:pt x="595" y="1814"/>
                  </a:cubicBezTo>
                  <a:lnTo>
                    <a:pt x="772" y="1644"/>
                  </a:lnTo>
                  <a:cubicBezTo>
                    <a:pt x="882" y="1538"/>
                    <a:pt x="1019" y="1458"/>
                    <a:pt x="1171" y="1443"/>
                  </a:cubicBezTo>
                  <a:cubicBezTo>
                    <a:pt x="1376" y="1421"/>
                    <a:pt x="1573" y="1315"/>
                    <a:pt x="1703" y="1116"/>
                  </a:cubicBezTo>
                  <a:cubicBezTo>
                    <a:pt x="1851" y="890"/>
                    <a:pt x="1858" y="588"/>
                    <a:pt x="1719" y="358"/>
                  </a:cubicBezTo>
                  <a:cubicBezTo>
                    <a:pt x="1575" y="120"/>
                    <a:pt x="1334" y="0"/>
                    <a:pt x="1093"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 name="Google Shape;1134;p43">
              <a:extLst>
                <a:ext uri="{FF2B5EF4-FFF2-40B4-BE49-F238E27FC236}">
                  <a16:creationId xmlns:a16="http://schemas.microsoft.com/office/drawing/2014/main" xmlns="" id="{50E71B3E-2133-FFC5-9484-98B007729ECF}"/>
                </a:ext>
              </a:extLst>
            </p:cNvPr>
            <p:cNvSpPr/>
            <p:nvPr/>
          </p:nvSpPr>
          <p:spPr>
            <a:xfrm>
              <a:off x="6714131" y="3054575"/>
              <a:ext cx="299953" cy="457279"/>
            </a:xfrm>
            <a:custGeom>
              <a:avLst/>
              <a:gdLst/>
              <a:ahLst/>
              <a:cxnLst/>
              <a:rect l="l" t="t" r="r" b="b"/>
              <a:pathLst>
                <a:path w="4408" h="6720" extrusionOk="0">
                  <a:moveTo>
                    <a:pt x="1147" y="0"/>
                  </a:moveTo>
                  <a:cubicBezTo>
                    <a:pt x="1087" y="0"/>
                    <a:pt x="1027" y="6"/>
                    <a:pt x="967" y="18"/>
                  </a:cubicBezTo>
                  <a:cubicBezTo>
                    <a:pt x="323" y="145"/>
                    <a:pt x="1" y="818"/>
                    <a:pt x="251" y="1380"/>
                  </a:cubicBezTo>
                  <a:cubicBezTo>
                    <a:pt x="343" y="1587"/>
                    <a:pt x="499" y="1744"/>
                    <a:pt x="685" y="1842"/>
                  </a:cubicBezTo>
                  <a:cubicBezTo>
                    <a:pt x="867" y="1939"/>
                    <a:pt x="999" y="2108"/>
                    <a:pt x="1083" y="2296"/>
                  </a:cubicBezTo>
                  <a:lnTo>
                    <a:pt x="2244" y="4904"/>
                  </a:lnTo>
                  <a:cubicBezTo>
                    <a:pt x="2327" y="5092"/>
                    <a:pt x="2366" y="5304"/>
                    <a:pt x="2315" y="5505"/>
                  </a:cubicBezTo>
                  <a:cubicBezTo>
                    <a:pt x="2247" y="5773"/>
                    <a:pt x="2291" y="6074"/>
                    <a:pt x="2484" y="6332"/>
                  </a:cubicBezTo>
                  <a:cubicBezTo>
                    <a:pt x="2665" y="6575"/>
                    <a:pt x="2960" y="6719"/>
                    <a:pt x="3260" y="6719"/>
                  </a:cubicBezTo>
                  <a:cubicBezTo>
                    <a:pt x="3320" y="6719"/>
                    <a:pt x="3381" y="6714"/>
                    <a:pt x="3441" y="6702"/>
                  </a:cubicBezTo>
                  <a:cubicBezTo>
                    <a:pt x="4085" y="6575"/>
                    <a:pt x="4407" y="5902"/>
                    <a:pt x="4157" y="5339"/>
                  </a:cubicBezTo>
                  <a:cubicBezTo>
                    <a:pt x="4065" y="5133"/>
                    <a:pt x="3909" y="4975"/>
                    <a:pt x="3723" y="4877"/>
                  </a:cubicBezTo>
                  <a:cubicBezTo>
                    <a:pt x="3541" y="4781"/>
                    <a:pt x="3409" y="4612"/>
                    <a:pt x="3325" y="4423"/>
                  </a:cubicBezTo>
                  <a:lnTo>
                    <a:pt x="2164" y="1816"/>
                  </a:lnTo>
                  <a:cubicBezTo>
                    <a:pt x="2080" y="1627"/>
                    <a:pt x="2042" y="1415"/>
                    <a:pt x="2093" y="1215"/>
                  </a:cubicBezTo>
                  <a:cubicBezTo>
                    <a:pt x="2161" y="945"/>
                    <a:pt x="2117" y="645"/>
                    <a:pt x="1924" y="388"/>
                  </a:cubicBezTo>
                  <a:cubicBezTo>
                    <a:pt x="1743" y="144"/>
                    <a:pt x="1448" y="0"/>
                    <a:pt x="1147"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 name="Google Shape;1135;p43">
              <a:extLst>
                <a:ext uri="{FF2B5EF4-FFF2-40B4-BE49-F238E27FC236}">
                  <a16:creationId xmlns:a16="http://schemas.microsoft.com/office/drawing/2014/main" xmlns="" id="{61FD55C1-4A9F-BDEB-42C7-9D19C767AE6F}"/>
                </a:ext>
              </a:extLst>
            </p:cNvPr>
            <p:cNvSpPr/>
            <p:nvPr/>
          </p:nvSpPr>
          <p:spPr>
            <a:xfrm>
              <a:off x="6714131" y="3054575"/>
              <a:ext cx="153651" cy="170663"/>
            </a:xfrm>
            <a:custGeom>
              <a:avLst/>
              <a:gdLst/>
              <a:ahLst/>
              <a:cxnLst/>
              <a:rect l="l" t="t" r="r" b="b"/>
              <a:pathLst>
                <a:path w="2258" h="2508" extrusionOk="0">
                  <a:moveTo>
                    <a:pt x="1147" y="0"/>
                  </a:moveTo>
                  <a:cubicBezTo>
                    <a:pt x="1087" y="0"/>
                    <a:pt x="1027" y="6"/>
                    <a:pt x="967" y="18"/>
                  </a:cubicBezTo>
                  <a:cubicBezTo>
                    <a:pt x="323" y="145"/>
                    <a:pt x="1" y="818"/>
                    <a:pt x="251" y="1380"/>
                  </a:cubicBezTo>
                  <a:cubicBezTo>
                    <a:pt x="343" y="1587"/>
                    <a:pt x="499" y="1744"/>
                    <a:pt x="685" y="1842"/>
                  </a:cubicBezTo>
                  <a:cubicBezTo>
                    <a:pt x="867" y="1939"/>
                    <a:pt x="999" y="2108"/>
                    <a:pt x="1083" y="2296"/>
                  </a:cubicBezTo>
                  <a:lnTo>
                    <a:pt x="1176" y="2506"/>
                  </a:lnTo>
                  <a:cubicBezTo>
                    <a:pt x="1180" y="2506"/>
                    <a:pt x="1184" y="2506"/>
                    <a:pt x="1188" y="2506"/>
                  </a:cubicBezTo>
                  <a:cubicBezTo>
                    <a:pt x="1213" y="2506"/>
                    <a:pt x="1236" y="2507"/>
                    <a:pt x="1260" y="2507"/>
                  </a:cubicBezTo>
                  <a:cubicBezTo>
                    <a:pt x="1275" y="2507"/>
                    <a:pt x="1290" y="2507"/>
                    <a:pt x="1305" y="2505"/>
                  </a:cubicBezTo>
                  <a:cubicBezTo>
                    <a:pt x="1687" y="2466"/>
                    <a:pt x="2014" y="2285"/>
                    <a:pt x="2257" y="2025"/>
                  </a:cubicBezTo>
                  <a:lnTo>
                    <a:pt x="2164" y="1816"/>
                  </a:lnTo>
                  <a:cubicBezTo>
                    <a:pt x="2080" y="1627"/>
                    <a:pt x="2042" y="1415"/>
                    <a:pt x="2093" y="1215"/>
                  </a:cubicBezTo>
                  <a:cubicBezTo>
                    <a:pt x="2161" y="945"/>
                    <a:pt x="2117" y="645"/>
                    <a:pt x="1924" y="388"/>
                  </a:cubicBezTo>
                  <a:cubicBezTo>
                    <a:pt x="1743" y="144"/>
                    <a:pt x="1448" y="0"/>
                    <a:pt x="1147"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 name="Google Shape;1136;p43">
              <a:extLst>
                <a:ext uri="{FF2B5EF4-FFF2-40B4-BE49-F238E27FC236}">
                  <a16:creationId xmlns:a16="http://schemas.microsoft.com/office/drawing/2014/main" xmlns="" id="{BDF7F07D-5548-24ED-1CF9-D679054BEAF4}"/>
                </a:ext>
              </a:extLst>
            </p:cNvPr>
            <p:cNvSpPr/>
            <p:nvPr/>
          </p:nvSpPr>
          <p:spPr>
            <a:xfrm>
              <a:off x="6895546" y="3406380"/>
              <a:ext cx="81181" cy="77234"/>
            </a:xfrm>
            <a:custGeom>
              <a:avLst/>
              <a:gdLst/>
              <a:ahLst/>
              <a:cxnLst/>
              <a:rect l="l" t="t" r="r" b="b"/>
              <a:pathLst>
                <a:path w="1193" h="1135" extrusionOk="0">
                  <a:moveTo>
                    <a:pt x="596" y="1"/>
                  </a:moveTo>
                  <a:cubicBezTo>
                    <a:pt x="576" y="1"/>
                    <a:pt x="557" y="2"/>
                    <a:pt x="537" y="4"/>
                  </a:cubicBezTo>
                  <a:cubicBezTo>
                    <a:pt x="226" y="37"/>
                    <a:pt x="1" y="316"/>
                    <a:pt x="33" y="627"/>
                  </a:cubicBezTo>
                  <a:cubicBezTo>
                    <a:pt x="64" y="919"/>
                    <a:pt x="310" y="1135"/>
                    <a:pt x="597" y="1135"/>
                  </a:cubicBezTo>
                  <a:cubicBezTo>
                    <a:pt x="616" y="1135"/>
                    <a:pt x="636" y="1134"/>
                    <a:pt x="656" y="1132"/>
                  </a:cubicBezTo>
                  <a:cubicBezTo>
                    <a:pt x="967" y="1099"/>
                    <a:pt x="1192" y="820"/>
                    <a:pt x="1160" y="508"/>
                  </a:cubicBezTo>
                  <a:cubicBezTo>
                    <a:pt x="1129" y="217"/>
                    <a:pt x="883" y="1"/>
                    <a:pt x="596"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 name="Google Shape;1137;p43">
              <a:extLst>
                <a:ext uri="{FF2B5EF4-FFF2-40B4-BE49-F238E27FC236}">
                  <a16:creationId xmlns:a16="http://schemas.microsoft.com/office/drawing/2014/main" xmlns="" id="{A17C7551-12BC-76D4-7BD6-00A5445AE995}"/>
                </a:ext>
              </a:extLst>
            </p:cNvPr>
            <p:cNvSpPr/>
            <p:nvPr/>
          </p:nvSpPr>
          <p:spPr>
            <a:xfrm>
              <a:off x="6359536" y="2732234"/>
              <a:ext cx="544516" cy="476673"/>
            </a:xfrm>
            <a:custGeom>
              <a:avLst/>
              <a:gdLst/>
              <a:ahLst/>
              <a:cxnLst/>
              <a:rect l="l" t="t" r="r" b="b"/>
              <a:pathLst>
                <a:path w="8002" h="7005" extrusionOk="0">
                  <a:moveTo>
                    <a:pt x="1442" y="1"/>
                  </a:moveTo>
                  <a:cubicBezTo>
                    <a:pt x="1180" y="1"/>
                    <a:pt x="918" y="81"/>
                    <a:pt x="702" y="239"/>
                  </a:cubicBezTo>
                  <a:cubicBezTo>
                    <a:pt x="12" y="743"/>
                    <a:pt x="1" y="1715"/>
                    <a:pt x="607" y="2241"/>
                  </a:cubicBezTo>
                  <a:cubicBezTo>
                    <a:pt x="829" y="2434"/>
                    <a:pt x="1100" y="2535"/>
                    <a:pt x="1373" y="2548"/>
                  </a:cubicBezTo>
                  <a:cubicBezTo>
                    <a:pt x="1640" y="2560"/>
                    <a:pt x="1889" y="2688"/>
                    <a:pt x="2092" y="2863"/>
                  </a:cubicBezTo>
                  <a:lnTo>
                    <a:pt x="4898" y="5304"/>
                  </a:lnTo>
                  <a:cubicBezTo>
                    <a:pt x="5101" y="5480"/>
                    <a:pt x="5262" y="5709"/>
                    <a:pt x="5313" y="5973"/>
                  </a:cubicBezTo>
                  <a:cubicBezTo>
                    <a:pt x="5380" y="6328"/>
                    <a:pt x="5598" y="6658"/>
                    <a:pt x="5967" y="6856"/>
                  </a:cubicBezTo>
                  <a:cubicBezTo>
                    <a:pt x="6151" y="6955"/>
                    <a:pt x="6356" y="7004"/>
                    <a:pt x="6561" y="7004"/>
                  </a:cubicBezTo>
                  <a:cubicBezTo>
                    <a:pt x="6823" y="7004"/>
                    <a:pt x="7085" y="6924"/>
                    <a:pt x="7301" y="6766"/>
                  </a:cubicBezTo>
                  <a:cubicBezTo>
                    <a:pt x="7991" y="6261"/>
                    <a:pt x="8002" y="5290"/>
                    <a:pt x="7397" y="4764"/>
                  </a:cubicBezTo>
                  <a:cubicBezTo>
                    <a:pt x="7174" y="4571"/>
                    <a:pt x="6903" y="4471"/>
                    <a:pt x="6630" y="4457"/>
                  </a:cubicBezTo>
                  <a:cubicBezTo>
                    <a:pt x="6362" y="4444"/>
                    <a:pt x="6113" y="4317"/>
                    <a:pt x="5910" y="4141"/>
                  </a:cubicBezTo>
                  <a:lnTo>
                    <a:pt x="3104" y="1701"/>
                  </a:lnTo>
                  <a:cubicBezTo>
                    <a:pt x="2901" y="1526"/>
                    <a:pt x="2740" y="1296"/>
                    <a:pt x="2691" y="1032"/>
                  </a:cubicBezTo>
                  <a:cubicBezTo>
                    <a:pt x="2622" y="676"/>
                    <a:pt x="2404" y="346"/>
                    <a:pt x="2035" y="148"/>
                  </a:cubicBezTo>
                  <a:cubicBezTo>
                    <a:pt x="1852" y="50"/>
                    <a:pt x="1647" y="1"/>
                    <a:pt x="1442" y="1"/>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 name="Google Shape;1138;p43">
              <a:extLst>
                <a:ext uri="{FF2B5EF4-FFF2-40B4-BE49-F238E27FC236}">
                  <a16:creationId xmlns:a16="http://schemas.microsoft.com/office/drawing/2014/main" xmlns="" id="{9B9886AA-9325-A6BD-D13C-29F054B2FB39}"/>
                </a:ext>
              </a:extLst>
            </p:cNvPr>
            <p:cNvSpPr/>
            <p:nvPr/>
          </p:nvSpPr>
          <p:spPr>
            <a:xfrm>
              <a:off x="6748563" y="3071655"/>
              <a:ext cx="114728" cy="100506"/>
            </a:xfrm>
            <a:custGeom>
              <a:avLst/>
              <a:gdLst/>
              <a:ahLst/>
              <a:cxnLst/>
              <a:rect l="l" t="t" r="r" b="b"/>
              <a:pathLst>
                <a:path w="1686" h="1477" extrusionOk="0">
                  <a:moveTo>
                    <a:pt x="842" y="0"/>
                  </a:moveTo>
                  <a:cubicBezTo>
                    <a:pt x="713" y="0"/>
                    <a:pt x="582" y="34"/>
                    <a:pt x="463" y="106"/>
                  </a:cubicBezTo>
                  <a:cubicBezTo>
                    <a:pt x="114" y="316"/>
                    <a:pt x="0" y="770"/>
                    <a:pt x="210" y="1119"/>
                  </a:cubicBezTo>
                  <a:cubicBezTo>
                    <a:pt x="348" y="1349"/>
                    <a:pt x="593" y="1477"/>
                    <a:pt x="843" y="1477"/>
                  </a:cubicBezTo>
                  <a:cubicBezTo>
                    <a:pt x="973" y="1477"/>
                    <a:pt x="1104" y="1443"/>
                    <a:pt x="1223" y="1371"/>
                  </a:cubicBezTo>
                  <a:cubicBezTo>
                    <a:pt x="1572" y="1161"/>
                    <a:pt x="1685" y="708"/>
                    <a:pt x="1475" y="358"/>
                  </a:cubicBezTo>
                  <a:cubicBezTo>
                    <a:pt x="1337" y="128"/>
                    <a:pt x="1093" y="0"/>
                    <a:pt x="842"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 name="Google Shape;1139;p43">
              <a:extLst>
                <a:ext uri="{FF2B5EF4-FFF2-40B4-BE49-F238E27FC236}">
                  <a16:creationId xmlns:a16="http://schemas.microsoft.com/office/drawing/2014/main" xmlns="" id="{A489DB01-8467-F39D-CB79-68B0F6787D57}"/>
                </a:ext>
              </a:extLst>
            </p:cNvPr>
            <p:cNvSpPr/>
            <p:nvPr/>
          </p:nvSpPr>
          <p:spPr>
            <a:xfrm>
              <a:off x="6734137" y="3500762"/>
              <a:ext cx="141879" cy="165492"/>
            </a:xfrm>
            <a:custGeom>
              <a:avLst/>
              <a:gdLst/>
              <a:ahLst/>
              <a:cxnLst/>
              <a:rect l="l" t="t" r="r" b="b"/>
              <a:pathLst>
                <a:path w="2085" h="2432" extrusionOk="0">
                  <a:moveTo>
                    <a:pt x="1072" y="1"/>
                  </a:moveTo>
                  <a:cubicBezTo>
                    <a:pt x="986" y="1"/>
                    <a:pt x="900" y="33"/>
                    <a:pt x="833" y="97"/>
                  </a:cubicBezTo>
                  <a:cubicBezTo>
                    <a:pt x="464" y="454"/>
                    <a:pt x="207" y="909"/>
                    <a:pt x="90" y="1408"/>
                  </a:cubicBezTo>
                  <a:lnTo>
                    <a:pt x="60" y="1536"/>
                  </a:lnTo>
                  <a:cubicBezTo>
                    <a:pt x="0" y="1796"/>
                    <a:pt x="75" y="2067"/>
                    <a:pt x="260" y="2259"/>
                  </a:cubicBezTo>
                  <a:lnTo>
                    <a:pt x="324" y="2325"/>
                  </a:lnTo>
                  <a:cubicBezTo>
                    <a:pt x="392" y="2396"/>
                    <a:pt x="484" y="2432"/>
                    <a:pt x="575" y="2432"/>
                  </a:cubicBezTo>
                  <a:cubicBezTo>
                    <a:pt x="663" y="2432"/>
                    <a:pt x="751" y="2399"/>
                    <a:pt x="819" y="2333"/>
                  </a:cubicBezTo>
                  <a:lnTo>
                    <a:pt x="1945" y="1248"/>
                  </a:lnTo>
                  <a:cubicBezTo>
                    <a:pt x="2080" y="1115"/>
                    <a:pt x="2084" y="898"/>
                    <a:pt x="1953" y="763"/>
                  </a:cubicBezTo>
                  <a:lnTo>
                    <a:pt x="1318" y="105"/>
                  </a:lnTo>
                  <a:cubicBezTo>
                    <a:pt x="1251" y="36"/>
                    <a:pt x="1162" y="1"/>
                    <a:pt x="1072"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 name="Google Shape;1140;p43">
              <a:extLst>
                <a:ext uri="{FF2B5EF4-FFF2-40B4-BE49-F238E27FC236}">
                  <a16:creationId xmlns:a16="http://schemas.microsoft.com/office/drawing/2014/main" xmlns="" id="{7EEA6296-8D74-894E-8C2C-8DE26D331C08}"/>
                </a:ext>
              </a:extLst>
            </p:cNvPr>
            <p:cNvSpPr/>
            <p:nvPr/>
          </p:nvSpPr>
          <p:spPr>
            <a:xfrm>
              <a:off x="6393559" y="2663097"/>
              <a:ext cx="62400" cy="47157"/>
            </a:xfrm>
            <a:custGeom>
              <a:avLst/>
              <a:gdLst/>
              <a:ahLst/>
              <a:cxnLst/>
              <a:rect l="l" t="t" r="r" b="b"/>
              <a:pathLst>
                <a:path w="917" h="693" extrusionOk="0">
                  <a:moveTo>
                    <a:pt x="0" y="1"/>
                  </a:moveTo>
                  <a:lnTo>
                    <a:pt x="0" y="692"/>
                  </a:lnTo>
                  <a:lnTo>
                    <a:pt x="917" y="692"/>
                  </a:lnTo>
                  <a:lnTo>
                    <a:pt x="917" y="1"/>
                  </a:lnTo>
                  <a:close/>
                </a:path>
              </a:pathLst>
            </a:custGeom>
            <a:solidFill>
              <a:srgbClr val="EFEEEE"/>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 name="Google Shape;1141;p43">
              <a:extLst>
                <a:ext uri="{FF2B5EF4-FFF2-40B4-BE49-F238E27FC236}">
                  <a16:creationId xmlns:a16="http://schemas.microsoft.com/office/drawing/2014/main" xmlns="" id="{6D21F08F-B977-7CFF-97B5-9380167B3488}"/>
                </a:ext>
              </a:extLst>
            </p:cNvPr>
            <p:cNvSpPr/>
            <p:nvPr/>
          </p:nvSpPr>
          <p:spPr>
            <a:xfrm>
              <a:off x="6393559" y="2698686"/>
              <a:ext cx="62400" cy="11568"/>
            </a:xfrm>
            <a:custGeom>
              <a:avLst/>
              <a:gdLst/>
              <a:ahLst/>
              <a:cxnLst/>
              <a:rect l="l" t="t" r="r" b="b"/>
              <a:pathLst>
                <a:path w="917" h="170" extrusionOk="0">
                  <a:moveTo>
                    <a:pt x="0" y="1"/>
                  </a:moveTo>
                  <a:lnTo>
                    <a:pt x="0" y="169"/>
                  </a:lnTo>
                  <a:lnTo>
                    <a:pt x="917" y="169"/>
                  </a:lnTo>
                  <a:lnTo>
                    <a:pt x="917" y="1"/>
                  </a:lnTo>
                  <a:close/>
                </a:path>
              </a:pathLst>
            </a:custGeom>
            <a:solidFill>
              <a:srgbClr val="9E9D9E"/>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 name="Google Shape;1142;p43">
              <a:extLst>
                <a:ext uri="{FF2B5EF4-FFF2-40B4-BE49-F238E27FC236}">
                  <a16:creationId xmlns:a16="http://schemas.microsoft.com/office/drawing/2014/main" xmlns="" id="{9A5A293A-269D-B608-0414-2E33726CDE08}"/>
                </a:ext>
              </a:extLst>
            </p:cNvPr>
            <p:cNvSpPr/>
            <p:nvPr/>
          </p:nvSpPr>
          <p:spPr>
            <a:xfrm>
              <a:off x="6483314" y="2663097"/>
              <a:ext cx="62400" cy="47157"/>
            </a:xfrm>
            <a:custGeom>
              <a:avLst/>
              <a:gdLst/>
              <a:ahLst/>
              <a:cxnLst/>
              <a:rect l="l" t="t" r="r" b="b"/>
              <a:pathLst>
                <a:path w="917" h="693" extrusionOk="0">
                  <a:moveTo>
                    <a:pt x="0" y="1"/>
                  </a:moveTo>
                  <a:lnTo>
                    <a:pt x="0" y="692"/>
                  </a:lnTo>
                  <a:lnTo>
                    <a:pt x="917" y="692"/>
                  </a:lnTo>
                  <a:lnTo>
                    <a:pt x="917" y="1"/>
                  </a:lnTo>
                  <a:close/>
                </a:path>
              </a:pathLst>
            </a:custGeom>
            <a:solidFill>
              <a:srgbClr val="EFEEEE"/>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 name="Google Shape;1143;p43">
              <a:extLst>
                <a:ext uri="{FF2B5EF4-FFF2-40B4-BE49-F238E27FC236}">
                  <a16:creationId xmlns:a16="http://schemas.microsoft.com/office/drawing/2014/main" xmlns="" id="{B1F2258E-E924-7A88-CC58-43DA24274746}"/>
                </a:ext>
              </a:extLst>
            </p:cNvPr>
            <p:cNvSpPr/>
            <p:nvPr/>
          </p:nvSpPr>
          <p:spPr>
            <a:xfrm>
              <a:off x="6483314" y="2698686"/>
              <a:ext cx="62400" cy="11568"/>
            </a:xfrm>
            <a:custGeom>
              <a:avLst/>
              <a:gdLst/>
              <a:ahLst/>
              <a:cxnLst/>
              <a:rect l="l" t="t" r="r" b="b"/>
              <a:pathLst>
                <a:path w="917" h="170" extrusionOk="0">
                  <a:moveTo>
                    <a:pt x="0" y="1"/>
                  </a:moveTo>
                  <a:lnTo>
                    <a:pt x="0" y="169"/>
                  </a:lnTo>
                  <a:lnTo>
                    <a:pt x="917" y="169"/>
                  </a:lnTo>
                  <a:lnTo>
                    <a:pt x="917" y="1"/>
                  </a:lnTo>
                  <a:close/>
                </a:path>
              </a:pathLst>
            </a:custGeom>
            <a:solidFill>
              <a:srgbClr val="9E9D9E"/>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 name="Google Shape;1144;p43">
              <a:extLst>
                <a:ext uri="{FF2B5EF4-FFF2-40B4-BE49-F238E27FC236}">
                  <a16:creationId xmlns:a16="http://schemas.microsoft.com/office/drawing/2014/main" xmlns="" id="{8932749D-8EB7-CBA7-6215-2A47D71A8C91}"/>
                </a:ext>
              </a:extLst>
            </p:cNvPr>
            <p:cNvSpPr/>
            <p:nvPr/>
          </p:nvSpPr>
          <p:spPr>
            <a:xfrm>
              <a:off x="6403086" y="3500830"/>
              <a:ext cx="107583" cy="165492"/>
            </a:xfrm>
            <a:custGeom>
              <a:avLst/>
              <a:gdLst/>
              <a:ahLst/>
              <a:cxnLst/>
              <a:rect l="l" t="t" r="r" b="b"/>
              <a:pathLst>
                <a:path w="1581" h="2432" extrusionOk="0">
                  <a:moveTo>
                    <a:pt x="163" y="0"/>
                  </a:moveTo>
                  <a:cubicBezTo>
                    <a:pt x="73" y="0"/>
                    <a:pt x="1" y="72"/>
                    <a:pt x="1" y="161"/>
                  </a:cubicBezTo>
                  <a:lnTo>
                    <a:pt x="1" y="639"/>
                  </a:lnTo>
                  <a:cubicBezTo>
                    <a:pt x="1" y="1022"/>
                    <a:pt x="31" y="1406"/>
                    <a:pt x="90" y="1785"/>
                  </a:cubicBezTo>
                  <a:lnTo>
                    <a:pt x="144" y="2136"/>
                  </a:lnTo>
                  <a:cubicBezTo>
                    <a:pt x="171" y="2305"/>
                    <a:pt x="317" y="2431"/>
                    <a:pt x="489" y="2431"/>
                  </a:cubicBezTo>
                  <a:lnTo>
                    <a:pt x="1092" y="2431"/>
                  </a:lnTo>
                  <a:cubicBezTo>
                    <a:pt x="1264" y="2431"/>
                    <a:pt x="1410" y="2305"/>
                    <a:pt x="1436" y="2136"/>
                  </a:cubicBezTo>
                  <a:lnTo>
                    <a:pt x="1491" y="1785"/>
                  </a:lnTo>
                  <a:cubicBezTo>
                    <a:pt x="1550" y="1406"/>
                    <a:pt x="1580" y="1022"/>
                    <a:pt x="1580" y="639"/>
                  </a:cubicBezTo>
                  <a:lnTo>
                    <a:pt x="1580" y="161"/>
                  </a:lnTo>
                  <a:cubicBezTo>
                    <a:pt x="1580" y="72"/>
                    <a:pt x="1508" y="0"/>
                    <a:pt x="1418"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 name="Google Shape;1145;p43">
              <a:extLst>
                <a:ext uri="{FF2B5EF4-FFF2-40B4-BE49-F238E27FC236}">
                  <a16:creationId xmlns:a16="http://schemas.microsoft.com/office/drawing/2014/main" xmlns="" id="{DB04FE84-71AB-BD95-7CE7-EC661749BC20}"/>
                </a:ext>
              </a:extLst>
            </p:cNvPr>
            <p:cNvSpPr/>
            <p:nvPr/>
          </p:nvSpPr>
          <p:spPr>
            <a:xfrm>
              <a:off x="6400364" y="2768979"/>
              <a:ext cx="114728" cy="100506"/>
            </a:xfrm>
            <a:custGeom>
              <a:avLst/>
              <a:gdLst/>
              <a:ahLst/>
              <a:cxnLst/>
              <a:rect l="l" t="t" r="r" b="b"/>
              <a:pathLst>
                <a:path w="1686" h="1477" extrusionOk="0">
                  <a:moveTo>
                    <a:pt x="842" y="0"/>
                  </a:moveTo>
                  <a:cubicBezTo>
                    <a:pt x="713" y="0"/>
                    <a:pt x="582" y="35"/>
                    <a:pt x="462" y="106"/>
                  </a:cubicBezTo>
                  <a:cubicBezTo>
                    <a:pt x="113" y="316"/>
                    <a:pt x="0" y="770"/>
                    <a:pt x="210" y="1118"/>
                  </a:cubicBezTo>
                  <a:cubicBezTo>
                    <a:pt x="349" y="1349"/>
                    <a:pt x="594" y="1477"/>
                    <a:pt x="844" y="1477"/>
                  </a:cubicBezTo>
                  <a:cubicBezTo>
                    <a:pt x="974" y="1477"/>
                    <a:pt x="1104" y="1443"/>
                    <a:pt x="1223" y="1371"/>
                  </a:cubicBezTo>
                  <a:cubicBezTo>
                    <a:pt x="1573" y="1161"/>
                    <a:pt x="1685" y="708"/>
                    <a:pt x="1475" y="358"/>
                  </a:cubicBezTo>
                  <a:cubicBezTo>
                    <a:pt x="1337" y="128"/>
                    <a:pt x="1093" y="0"/>
                    <a:pt x="842" y="0"/>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 name="Google Shape;1146;p43">
              <a:extLst>
                <a:ext uri="{FF2B5EF4-FFF2-40B4-BE49-F238E27FC236}">
                  <a16:creationId xmlns:a16="http://schemas.microsoft.com/office/drawing/2014/main" xmlns="" id="{F1776899-DAE6-3563-9D4C-1ADC1AD385B2}"/>
                </a:ext>
              </a:extLst>
            </p:cNvPr>
            <p:cNvSpPr/>
            <p:nvPr/>
          </p:nvSpPr>
          <p:spPr>
            <a:xfrm>
              <a:off x="5914573" y="3394268"/>
              <a:ext cx="235512" cy="225441"/>
            </a:xfrm>
            <a:custGeom>
              <a:avLst/>
              <a:gdLst/>
              <a:ahLst/>
              <a:cxnLst/>
              <a:rect l="l" t="t" r="r" b="b"/>
              <a:pathLst>
                <a:path w="3461" h="3313" extrusionOk="0">
                  <a:moveTo>
                    <a:pt x="766" y="0"/>
                  </a:moveTo>
                  <a:cubicBezTo>
                    <a:pt x="525" y="0"/>
                    <a:pt x="284" y="120"/>
                    <a:pt x="140" y="357"/>
                  </a:cubicBezTo>
                  <a:cubicBezTo>
                    <a:pt x="1" y="588"/>
                    <a:pt x="7" y="890"/>
                    <a:pt x="156" y="1116"/>
                  </a:cubicBezTo>
                  <a:cubicBezTo>
                    <a:pt x="286" y="1315"/>
                    <a:pt x="484" y="1421"/>
                    <a:pt x="688" y="1442"/>
                  </a:cubicBezTo>
                  <a:cubicBezTo>
                    <a:pt x="840" y="1458"/>
                    <a:pt x="978" y="1537"/>
                    <a:pt x="1087" y="1644"/>
                  </a:cubicBezTo>
                  <a:lnTo>
                    <a:pt x="1766" y="2300"/>
                  </a:lnTo>
                  <a:cubicBezTo>
                    <a:pt x="1876" y="2405"/>
                    <a:pt x="1961" y="2540"/>
                    <a:pt x="1981" y="2691"/>
                  </a:cubicBezTo>
                  <a:cubicBezTo>
                    <a:pt x="2002" y="2845"/>
                    <a:pt x="2072" y="2993"/>
                    <a:pt x="2192" y="3109"/>
                  </a:cubicBezTo>
                  <a:cubicBezTo>
                    <a:pt x="2333" y="3245"/>
                    <a:pt x="2514" y="3313"/>
                    <a:pt x="2696" y="3313"/>
                  </a:cubicBezTo>
                  <a:cubicBezTo>
                    <a:pt x="2937" y="3313"/>
                    <a:pt x="3177" y="3193"/>
                    <a:pt x="3321" y="2956"/>
                  </a:cubicBezTo>
                  <a:cubicBezTo>
                    <a:pt x="3461" y="2725"/>
                    <a:pt x="3454" y="2423"/>
                    <a:pt x="3305" y="2197"/>
                  </a:cubicBezTo>
                  <a:cubicBezTo>
                    <a:pt x="3175" y="1998"/>
                    <a:pt x="2978" y="1892"/>
                    <a:pt x="2773" y="1871"/>
                  </a:cubicBezTo>
                  <a:cubicBezTo>
                    <a:pt x="2622" y="1855"/>
                    <a:pt x="2484" y="1776"/>
                    <a:pt x="2374" y="1669"/>
                  </a:cubicBezTo>
                  <a:lnTo>
                    <a:pt x="1695" y="1014"/>
                  </a:lnTo>
                  <a:cubicBezTo>
                    <a:pt x="1585" y="908"/>
                    <a:pt x="1501" y="773"/>
                    <a:pt x="1480" y="622"/>
                  </a:cubicBezTo>
                  <a:cubicBezTo>
                    <a:pt x="1459" y="468"/>
                    <a:pt x="1389" y="320"/>
                    <a:pt x="1269" y="204"/>
                  </a:cubicBezTo>
                  <a:cubicBezTo>
                    <a:pt x="1128" y="68"/>
                    <a:pt x="947" y="0"/>
                    <a:pt x="766"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 name="Google Shape;1147;p43">
              <a:extLst>
                <a:ext uri="{FF2B5EF4-FFF2-40B4-BE49-F238E27FC236}">
                  <a16:creationId xmlns:a16="http://schemas.microsoft.com/office/drawing/2014/main" xmlns="" id="{A4BD8CEB-0DF9-636C-DFEA-B35E45EEAA88}"/>
                </a:ext>
              </a:extLst>
            </p:cNvPr>
            <p:cNvSpPr/>
            <p:nvPr/>
          </p:nvSpPr>
          <p:spPr>
            <a:xfrm>
              <a:off x="5934103" y="3415022"/>
              <a:ext cx="65121" cy="57092"/>
            </a:xfrm>
            <a:custGeom>
              <a:avLst/>
              <a:gdLst/>
              <a:ahLst/>
              <a:cxnLst/>
              <a:rect l="l" t="t" r="r" b="b"/>
              <a:pathLst>
                <a:path w="957" h="839" extrusionOk="0">
                  <a:moveTo>
                    <a:pt x="478" y="0"/>
                  </a:moveTo>
                  <a:cubicBezTo>
                    <a:pt x="323" y="0"/>
                    <a:pt x="175" y="87"/>
                    <a:pt x="101" y="236"/>
                  </a:cubicBezTo>
                  <a:cubicBezTo>
                    <a:pt x="0" y="443"/>
                    <a:pt x="87" y="695"/>
                    <a:pt x="295" y="796"/>
                  </a:cubicBezTo>
                  <a:cubicBezTo>
                    <a:pt x="354" y="825"/>
                    <a:pt x="417" y="839"/>
                    <a:pt x="479" y="839"/>
                  </a:cubicBezTo>
                  <a:cubicBezTo>
                    <a:pt x="634" y="839"/>
                    <a:pt x="783" y="752"/>
                    <a:pt x="855" y="604"/>
                  </a:cubicBezTo>
                  <a:cubicBezTo>
                    <a:pt x="956" y="395"/>
                    <a:pt x="870" y="145"/>
                    <a:pt x="663" y="43"/>
                  </a:cubicBezTo>
                  <a:cubicBezTo>
                    <a:pt x="603" y="14"/>
                    <a:pt x="540" y="0"/>
                    <a:pt x="478" y="0"/>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 name="Google Shape;1148;p43">
              <a:extLst>
                <a:ext uri="{FF2B5EF4-FFF2-40B4-BE49-F238E27FC236}">
                  <a16:creationId xmlns:a16="http://schemas.microsoft.com/office/drawing/2014/main" xmlns="" id="{5C6DACC7-7781-94B0-393C-B3C59505A79B}"/>
                </a:ext>
              </a:extLst>
            </p:cNvPr>
            <p:cNvSpPr/>
            <p:nvPr/>
          </p:nvSpPr>
          <p:spPr>
            <a:xfrm>
              <a:off x="5914573" y="3394268"/>
              <a:ext cx="126500" cy="123506"/>
            </a:xfrm>
            <a:custGeom>
              <a:avLst/>
              <a:gdLst/>
              <a:ahLst/>
              <a:cxnLst/>
              <a:rect l="l" t="t" r="r" b="b"/>
              <a:pathLst>
                <a:path w="1859" h="1815" extrusionOk="0">
                  <a:moveTo>
                    <a:pt x="766" y="0"/>
                  </a:moveTo>
                  <a:cubicBezTo>
                    <a:pt x="525" y="0"/>
                    <a:pt x="284" y="120"/>
                    <a:pt x="140" y="358"/>
                  </a:cubicBezTo>
                  <a:cubicBezTo>
                    <a:pt x="1" y="588"/>
                    <a:pt x="7" y="890"/>
                    <a:pt x="156" y="1116"/>
                  </a:cubicBezTo>
                  <a:cubicBezTo>
                    <a:pt x="286" y="1315"/>
                    <a:pt x="484" y="1421"/>
                    <a:pt x="688" y="1443"/>
                  </a:cubicBezTo>
                  <a:cubicBezTo>
                    <a:pt x="840" y="1458"/>
                    <a:pt x="978" y="1538"/>
                    <a:pt x="1087" y="1644"/>
                  </a:cubicBezTo>
                  <a:lnTo>
                    <a:pt x="1264" y="1814"/>
                  </a:lnTo>
                  <a:cubicBezTo>
                    <a:pt x="1536" y="1683"/>
                    <a:pt x="1749" y="1454"/>
                    <a:pt x="1858" y="1171"/>
                  </a:cubicBezTo>
                  <a:lnTo>
                    <a:pt x="1695" y="1014"/>
                  </a:lnTo>
                  <a:cubicBezTo>
                    <a:pt x="1585" y="908"/>
                    <a:pt x="1501" y="773"/>
                    <a:pt x="1480" y="622"/>
                  </a:cubicBezTo>
                  <a:cubicBezTo>
                    <a:pt x="1459" y="468"/>
                    <a:pt x="1389" y="320"/>
                    <a:pt x="1269" y="204"/>
                  </a:cubicBezTo>
                  <a:cubicBezTo>
                    <a:pt x="1128" y="68"/>
                    <a:pt x="947" y="0"/>
                    <a:pt x="766"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 name="Google Shape;1149;p43">
              <a:extLst>
                <a:ext uri="{FF2B5EF4-FFF2-40B4-BE49-F238E27FC236}">
                  <a16:creationId xmlns:a16="http://schemas.microsoft.com/office/drawing/2014/main" xmlns="" id="{2EE607E0-DA48-0DEC-1CC1-68188124F13B}"/>
                </a:ext>
              </a:extLst>
            </p:cNvPr>
            <p:cNvSpPr/>
            <p:nvPr/>
          </p:nvSpPr>
          <p:spPr>
            <a:xfrm>
              <a:off x="6025899" y="3500762"/>
              <a:ext cx="141811" cy="165492"/>
            </a:xfrm>
            <a:custGeom>
              <a:avLst/>
              <a:gdLst/>
              <a:ahLst/>
              <a:cxnLst/>
              <a:rect l="l" t="t" r="r" b="b"/>
              <a:pathLst>
                <a:path w="2084" h="2432" extrusionOk="0">
                  <a:moveTo>
                    <a:pt x="1012" y="1"/>
                  </a:moveTo>
                  <a:cubicBezTo>
                    <a:pt x="922" y="1"/>
                    <a:pt x="833" y="36"/>
                    <a:pt x="765" y="105"/>
                  </a:cubicBezTo>
                  <a:lnTo>
                    <a:pt x="131" y="763"/>
                  </a:lnTo>
                  <a:cubicBezTo>
                    <a:pt x="0" y="898"/>
                    <a:pt x="3" y="1115"/>
                    <a:pt x="140" y="1248"/>
                  </a:cubicBezTo>
                  <a:lnTo>
                    <a:pt x="1264" y="2333"/>
                  </a:lnTo>
                  <a:cubicBezTo>
                    <a:pt x="1333" y="2399"/>
                    <a:pt x="1421" y="2432"/>
                    <a:pt x="1509" y="2432"/>
                  </a:cubicBezTo>
                  <a:cubicBezTo>
                    <a:pt x="1600" y="2432"/>
                    <a:pt x="1692" y="2396"/>
                    <a:pt x="1760" y="2325"/>
                  </a:cubicBezTo>
                  <a:lnTo>
                    <a:pt x="1825" y="2259"/>
                  </a:lnTo>
                  <a:cubicBezTo>
                    <a:pt x="2009" y="2067"/>
                    <a:pt x="2084" y="1796"/>
                    <a:pt x="2024" y="1536"/>
                  </a:cubicBezTo>
                  <a:lnTo>
                    <a:pt x="1994" y="1408"/>
                  </a:lnTo>
                  <a:cubicBezTo>
                    <a:pt x="1877" y="909"/>
                    <a:pt x="1619" y="454"/>
                    <a:pt x="1250" y="97"/>
                  </a:cubicBezTo>
                  <a:cubicBezTo>
                    <a:pt x="1184" y="33"/>
                    <a:pt x="1098" y="1"/>
                    <a:pt x="1012"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 name="Google Shape;1150;p43">
              <a:extLst>
                <a:ext uri="{FF2B5EF4-FFF2-40B4-BE49-F238E27FC236}">
                  <a16:creationId xmlns:a16="http://schemas.microsoft.com/office/drawing/2014/main" xmlns="" id="{588E0662-BB1E-C37E-95FF-27790DE79EA6}"/>
                </a:ext>
              </a:extLst>
            </p:cNvPr>
            <p:cNvSpPr/>
            <p:nvPr/>
          </p:nvSpPr>
          <p:spPr>
            <a:xfrm>
              <a:off x="5887694" y="3054575"/>
              <a:ext cx="300021" cy="457279"/>
            </a:xfrm>
            <a:custGeom>
              <a:avLst/>
              <a:gdLst/>
              <a:ahLst/>
              <a:cxnLst/>
              <a:rect l="l" t="t" r="r" b="b"/>
              <a:pathLst>
                <a:path w="4409" h="6720" extrusionOk="0">
                  <a:moveTo>
                    <a:pt x="3262" y="0"/>
                  </a:moveTo>
                  <a:cubicBezTo>
                    <a:pt x="2961" y="0"/>
                    <a:pt x="2667" y="144"/>
                    <a:pt x="2485" y="388"/>
                  </a:cubicBezTo>
                  <a:cubicBezTo>
                    <a:pt x="2293" y="645"/>
                    <a:pt x="2248" y="945"/>
                    <a:pt x="2316" y="1215"/>
                  </a:cubicBezTo>
                  <a:cubicBezTo>
                    <a:pt x="2367" y="1415"/>
                    <a:pt x="2329" y="1627"/>
                    <a:pt x="2245" y="1816"/>
                  </a:cubicBezTo>
                  <a:lnTo>
                    <a:pt x="1084" y="4423"/>
                  </a:lnTo>
                  <a:cubicBezTo>
                    <a:pt x="1001" y="4612"/>
                    <a:pt x="868" y="4781"/>
                    <a:pt x="685" y="4877"/>
                  </a:cubicBezTo>
                  <a:cubicBezTo>
                    <a:pt x="500" y="4975"/>
                    <a:pt x="344" y="5133"/>
                    <a:pt x="252" y="5339"/>
                  </a:cubicBezTo>
                  <a:cubicBezTo>
                    <a:pt x="1" y="5902"/>
                    <a:pt x="324" y="6575"/>
                    <a:pt x="968" y="6702"/>
                  </a:cubicBezTo>
                  <a:cubicBezTo>
                    <a:pt x="1028" y="6714"/>
                    <a:pt x="1088" y="6719"/>
                    <a:pt x="1149" y="6719"/>
                  </a:cubicBezTo>
                  <a:cubicBezTo>
                    <a:pt x="1449" y="6719"/>
                    <a:pt x="1744" y="6575"/>
                    <a:pt x="1926" y="6332"/>
                  </a:cubicBezTo>
                  <a:cubicBezTo>
                    <a:pt x="2118" y="6074"/>
                    <a:pt x="2162" y="5773"/>
                    <a:pt x="2094" y="5505"/>
                  </a:cubicBezTo>
                  <a:cubicBezTo>
                    <a:pt x="2043" y="5304"/>
                    <a:pt x="2081" y="5092"/>
                    <a:pt x="2165" y="4904"/>
                  </a:cubicBezTo>
                  <a:lnTo>
                    <a:pt x="3326" y="2296"/>
                  </a:lnTo>
                  <a:cubicBezTo>
                    <a:pt x="3410" y="2108"/>
                    <a:pt x="3542" y="1939"/>
                    <a:pt x="3724" y="1842"/>
                  </a:cubicBezTo>
                  <a:cubicBezTo>
                    <a:pt x="3910" y="1744"/>
                    <a:pt x="4066" y="1587"/>
                    <a:pt x="4158" y="1380"/>
                  </a:cubicBezTo>
                  <a:cubicBezTo>
                    <a:pt x="4409" y="818"/>
                    <a:pt x="4086" y="145"/>
                    <a:pt x="3442" y="18"/>
                  </a:cubicBezTo>
                  <a:cubicBezTo>
                    <a:pt x="3382" y="6"/>
                    <a:pt x="3322" y="0"/>
                    <a:pt x="3262"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 name="Google Shape;1151;p43">
              <a:extLst>
                <a:ext uri="{FF2B5EF4-FFF2-40B4-BE49-F238E27FC236}">
                  <a16:creationId xmlns:a16="http://schemas.microsoft.com/office/drawing/2014/main" xmlns="" id="{A43F8207-E5EB-6E33-1F74-45F1C1BA6712}"/>
                </a:ext>
              </a:extLst>
            </p:cNvPr>
            <p:cNvSpPr/>
            <p:nvPr/>
          </p:nvSpPr>
          <p:spPr>
            <a:xfrm>
              <a:off x="6069177" y="3082814"/>
              <a:ext cx="81181" cy="77166"/>
            </a:xfrm>
            <a:custGeom>
              <a:avLst/>
              <a:gdLst/>
              <a:ahLst/>
              <a:cxnLst/>
              <a:rect l="l" t="t" r="r" b="b"/>
              <a:pathLst>
                <a:path w="1193" h="1134" extrusionOk="0">
                  <a:moveTo>
                    <a:pt x="596" y="1"/>
                  </a:moveTo>
                  <a:cubicBezTo>
                    <a:pt x="310" y="1"/>
                    <a:pt x="64" y="217"/>
                    <a:pt x="34" y="507"/>
                  </a:cubicBezTo>
                  <a:cubicBezTo>
                    <a:pt x="1" y="819"/>
                    <a:pt x="226" y="1098"/>
                    <a:pt x="537" y="1131"/>
                  </a:cubicBezTo>
                  <a:cubicBezTo>
                    <a:pt x="557" y="1133"/>
                    <a:pt x="577" y="1134"/>
                    <a:pt x="596" y="1134"/>
                  </a:cubicBezTo>
                  <a:cubicBezTo>
                    <a:pt x="883" y="1134"/>
                    <a:pt x="1130" y="918"/>
                    <a:pt x="1161" y="626"/>
                  </a:cubicBezTo>
                  <a:cubicBezTo>
                    <a:pt x="1193" y="315"/>
                    <a:pt x="967" y="36"/>
                    <a:pt x="656" y="4"/>
                  </a:cubicBezTo>
                  <a:cubicBezTo>
                    <a:pt x="636" y="2"/>
                    <a:pt x="616" y="1"/>
                    <a:pt x="596" y="1"/>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 name="Google Shape;1152;p43">
              <a:extLst>
                <a:ext uri="{FF2B5EF4-FFF2-40B4-BE49-F238E27FC236}">
                  <a16:creationId xmlns:a16="http://schemas.microsoft.com/office/drawing/2014/main" xmlns="" id="{A3340F77-86AF-DFA4-316C-1523CA06E250}"/>
                </a:ext>
              </a:extLst>
            </p:cNvPr>
            <p:cNvSpPr/>
            <p:nvPr/>
          </p:nvSpPr>
          <p:spPr>
            <a:xfrm>
              <a:off x="6034132" y="3054575"/>
              <a:ext cx="153583" cy="170663"/>
            </a:xfrm>
            <a:custGeom>
              <a:avLst/>
              <a:gdLst/>
              <a:ahLst/>
              <a:cxnLst/>
              <a:rect l="l" t="t" r="r" b="b"/>
              <a:pathLst>
                <a:path w="2257" h="2508" extrusionOk="0">
                  <a:moveTo>
                    <a:pt x="1110" y="0"/>
                  </a:moveTo>
                  <a:cubicBezTo>
                    <a:pt x="809" y="0"/>
                    <a:pt x="515" y="144"/>
                    <a:pt x="333" y="388"/>
                  </a:cubicBezTo>
                  <a:cubicBezTo>
                    <a:pt x="141" y="645"/>
                    <a:pt x="96" y="945"/>
                    <a:pt x="164" y="1215"/>
                  </a:cubicBezTo>
                  <a:cubicBezTo>
                    <a:pt x="215" y="1415"/>
                    <a:pt x="177" y="1627"/>
                    <a:pt x="93" y="1816"/>
                  </a:cubicBezTo>
                  <a:lnTo>
                    <a:pt x="0" y="2025"/>
                  </a:lnTo>
                  <a:cubicBezTo>
                    <a:pt x="243" y="2285"/>
                    <a:pt x="571" y="2466"/>
                    <a:pt x="952" y="2505"/>
                  </a:cubicBezTo>
                  <a:cubicBezTo>
                    <a:pt x="967" y="2507"/>
                    <a:pt x="982" y="2507"/>
                    <a:pt x="997" y="2507"/>
                  </a:cubicBezTo>
                  <a:cubicBezTo>
                    <a:pt x="1021" y="2507"/>
                    <a:pt x="1045" y="2506"/>
                    <a:pt x="1069" y="2506"/>
                  </a:cubicBezTo>
                  <a:cubicBezTo>
                    <a:pt x="1073" y="2506"/>
                    <a:pt x="1077" y="2506"/>
                    <a:pt x="1081" y="2506"/>
                  </a:cubicBezTo>
                  <a:lnTo>
                    <a:pt x="1174" y="2296"/>
                  </a:lnTo>
                  <a:cubicBezTo>
                    <a:pt x="1258" y="2108"/>
                    <a:pt x="1390" y="1939"/>
                    <a:pt x="1572" y="1842"/>
                  </a:cubicBezTo>
                  <a:cubicBezTo>
                    <a:pt x="1758" y="1744"/>
                    <a:pt x="1914" y="1587"/>
                    <a:pt x="2006" y="1380"/>
                  </a:cubicBezTo>
                  <a:cubicBezTo>
                    <a:pt x="2257" y="818"/>
                    <a:pt x="1934" y="145"/>
                    <a:pt x="1290" y="18"/>
                  </a:cubicBezTo>
                  <a:cubicBezTo>
                    <a:pt x="1230" y="6"/>
                    <a:pt x="1170" y="0"/>
                    <a:pt x="111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 name="Google Shape;1153;p43">
              <a:extLst>
                <a:ext uri="{FF2B5EF4-FFF2-40B4-BE49-F238E27FC236}">
                  <a16:creationId xmlns:a16="http://schemas.microsoft.com/office/drawing/2014/main" xmlns="" id="{4916F857-CEE5-A711-F7A9-D15CAD275A3A}"/>
                </a:ext>
              </a:extLst>
            </p:cNvPr>
            <p:cNvSpPr/>
            <p:nvPr/>
          </p:nvSpPr>
          <p:spPr>
            <a:xfrm>
              <a:off x="5925052" y="3406380"/>
              <a:ext cx="81249" cy="77234"/>
            </a:xfrm>
            <a:custGeom>
              <a:avLst/>
              <a:gdLst/>
              <a:ahLst/>
              <a:cxnLst/>
              <a:rect l="l" t="t" r="r" b="b"/>
              <a:pathLst>
                <a:path w="1194" h="1135" extrusionOk="0">
                  <a:moveTo>
                    <a:pt x="598" y="1"/>
                  </a:moveTo>
                  <a:cubicBezTo>
                    <a:pt x="311" y="1"/>
                    <a:pt x="65" y="217"/>
                    <a:pt x="34" y="508"/>
                  </a:cubicBezTo>
                  <a:cubicBezTo>
                    <a:pt x="1" y="820"/>
                    <a:pt x="227" y="1099"/>
                    <a:pt x="538" y="1132"/>
                  </a:cubicBezTo>
                  <a:cubicBezTo>
                    <a:pt x="558" y="1134"/>
                    <a:pt x="578" y="1135"/>
                    <a:pt x="597" y="1135"/>
                  </a:cubicBezTo>
                  <a:cubicBezTo>
                    <a:pt x="884" y="1135"/>
                    <a:pt x="1131" y="919"/>
                    <a:pt x="1161" y="627"/>
                  </a:cubicBezTo>
                  <a:cubicBezTo>
                    <a:pt x="1194" y="316"/>
                    <a:pt x="968" y="37"/>
                    <a:pt x="657" y="4"/>
                  </a:cubicBezTo>
                  <a:cubicBezTo>
                    <a:pt x="637" y="2"/>
                    <a:pt x="618" y="1"/>
                    <a:pt x="598"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 name="Google Shape;1154;p43">
              <a:extLst>
                <a:ext uri="{FF2B5EF4-FFF2-40B4-BE49-F238E27FC236}">
                  <a16:creationId xmlns:a16="http://schemas.microsoft.com/office/drawing/2014/main" xmlns="" id="{C38F476C-0730-36BF-6080-A1F86A69B6B4}"/>
                </a:ext>
              </a:extLst>
            </p:cNvPr>
            <p:cNvSpPr/>
            <p:nvPr/>
          </p:nvSpPr>
          <p:spPr>
            <a:xfrm>
              <a:off x="6011677" y="2732234"/>
              <a:ext cx="544448" cy="476673"/>
            </a:xfrm>
            <a:custGeom>
              <a:avLst/>
              <a:gdLst/>
              <a:ahLst/>
              <a:cxnLst/>
              <a:rect l="l" t="t" r="r" b="b"/>
              <a:pathLst>
                <a:path w="8001" h="7005" extrusionOk="0">
                  <a:moveTo>
                    <a:pt x="6560" y="1"/>
                  </a:moveTo>
                  <a:cubicBezTo>
                    <a:pt x="6355" y="1"/>
                    <a:pt x="6150" y="50"/>
                    <a:pt x="5967" y="148"/>
                  </a:cubicBezTo>
                  <a:cubicBezTo>
                    <a:pt x="5598" y="346"/>
                    <a:pt x="5380" y="676"/>
                    <a:pt x="5312" y="1032"/>
                  </a:cubicBezTo>
                  <a:cubicBezTo>
                    <a:pt x="5262" y="1296"/>
                    <a:pt x="5100" y="1526"/>
                    <a:pt x="4898" y="1701"/>
                  </a:cubicBezTo>
                  <a:lnTo>
                    <a:pt x="2091" y="4141"/>
                  </a:lnTo>
                  <a:cubicBezTo>
                    <a:pt x="1889" y="4317"/>
                    <a:pt x="1640" y="4444"/>
                    <a:pt x="1372" y="4457"/>
                  </a:cubicBezTo>
                  <a:cubicBezTo>
                    <a:pt x="1099" y="4471"/>
                    <a:pt x="828" y="4571"/>
                    <a:pt x="605" y="4764"/>
                  </a:cubicBezTo>
                  <a:cubicBezTo>
                    <a:pt x="0" y="5290"/>
                    <a:pt x="11" y="6261"/>
                    <a:pt x="701" y="6766"/>
                  </a:cubicBezTo>
                  <a:cubicBezTo>
                    <a:pt x="916" y="6924"/>
                    <a:pt x="1178" y="7004"/>
                    <a:pt x="1440" y="7004"/>
                  </a:cubicBezTo>
                  <a:cubicBezTo>
                    <a:pt x="1645" y="7004"/>
                    <a:pt x="1851" y="6955"/>
                    <a:pt x="2035" y="6856"/>
                  </a:cubicBezTo>
                  <a:cubicBezTo>
                    <a:pt x="2404" y="6658"/>
                    <a:pt x="2622" y="6328"/>
                    <a:pt x="2689" y="5973"/>
                  </a:cubicBezTo>
                  <a:cubicBezTo>
                    <a:pt x="2740" y="5709"/>
                    <a:pt x="2901" y="5480"/>
                    <a:pt x="3103" y="5304"/>
                  </a:cubicBezTo>
                  <a:lnTo>
                    <a:pt x="5910" y="2863"/>
                  </a:lnTo>
                  <a:cubicBezTo>
                    <a:pt x="6112" y="2688"/>
                    <a:pt x="6362" y="2560"/>
                    <a:pt x="6629" y="2548"/>
                  </a:cubicBezTo>
                  <a:cubicBezTo>
                    <a:pt x="6902" y="2535"/>
                    <a:pt x="7173" y="2434"/>
                    <a:pt x="7395" y="2241"/>
                  </a:cubicBezTo>
                  <a:cubicBezTo>
                    <a:pt x="8001" y="1715"/>
                    <a:pt x="7990" y="743"/>
                    <a:pt x="7300" y="239"/>
                  </a:cubicBezTo>
                  <a:cubicBezTo>
                    <a:pt x="7085" y="81"/>
                    <a:pt x="6823" y="1"/>
                    <a:pt x="6560" y="1"/>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 name="Google Shape;1155;p43">
              <a:extLst>
                <a:ext uri="{FF2B5EF4-FFF2-40B4-BE49-F238E27FC236}">
                  <a16:creationId xmlns:a16="http://schemas.microsoft.com/office/drawing/2014/main" xmlns="" id="{DDC4EFFF-F12B-E32D-626D-C7AA220F45A3}"/>
                </a:ext>
              </a:extLst>
            </p:cNvPr>
            <p:cNvSpPr/>
            <p:nvPr/>
          </p:nvSpPr>
          <p:spPr>
            <a:xfrm>
              <a:off x="6400636" y="2768979"/>
              <a:ext cx="114728" cy="100506"/>
            </a:xfrm>
            <a:custGeom>
              <a:avLst/>
              <a:gdLst/>
              <a:ahLst/>
              <a:cxnLst/>
              <a:rect l="l" t="t" r="r" b="b"/>
              <a:pathLst>
                <a:path w="1686" h="1477" extrusionOk="0">
                  <a:moveTo>
                    <a:pt x="844" y="0"/>
                  </a:moveTo>
                  <a:cubicBezTo>
                    <a:pt x="593" y="0"/>
                    <a:pt x="349" y="128"/>
                    <a:pt x="210" y="358"/>
                  </a:cubicBezTo>
                  <a:cubicBezTo>
                    <a:pt x="1" y="708"/>
                    <a:pt x="114" y="1161"/>
                    <a:pt x="463" y="1371"/>
                  </a:cubicBezTo>
                  <a:cubicBezTo>
                    <a:pt x="581" y="1443"/>
                    <a:pt x="712" y="1477"/>
                    <a:pt x="841" y="1477"/>
                  </a:cubicBezTo>
                  <a:cubicBezTo>
                    <a:pt x="1092" y="1477"/>
                    <a:pt x="1337" y="1349"/>
                    <a:pt x="1476" y="1118"/>
                  </a:cubicBezTo>
                  <a:cubicBezTo>
                    <a:pt x="1685" y="770"/>
                    <a:pt x="1573" y="316"/>
                    <a:pt x="1223" y="106"/>
                  </a:cubicBezTo>
                  <a:cubicBezTo>
                    <a:pt x="1104" y="35"/>
                    <a:pt x="973" y="0"/>
                    <a:pt x="844" y="0"/>
                  </a:cubicBezTo>
                  <a:close/>
                </a:path>
              </a:pathLst>
            </a:custGeom>
            <a:solidFill>
              <a:srgbClr val="68686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 name="Google Shape;1156;p43">
              <a:extLst>
                <a:ext uri="{FF2B5EF4-FFF2-40B4-BE49-F238E27FC236}">
                  <a16:creationId xmlns:a16="http://schemas.microsoft.com/office/drawing/2014/main" xmlns="" id="{E30E9CD0-125E-A18C-7B87-E58D5AC3C41C}"/>
                </a:ext>
              </a:extLst>
            </p:cNvPr>
            <p:cNvSpPr/>
            <p:nvPr/>
          </p:nvSpPr>
          <p:spPr>
            <a:xfrm>
              <a:off x="6052437" y="3071655"/>
              <a:ext cx="114728" cy="100506"/>
            </a:xfrm>
            <a:custGeom>
              <a:avLst/>
              <a:gdLst/>
              <a:ahLst/>
              <a:cxnLst/>
              <a:rect l="l" t="t" r="r" b="b"/>
              <a:pathLst>
                <a:path w="1686" h="1477" extrusionOk="0">
                  <a:moveTo>
                    <a:pt x="843" y="0"/>
                  </a:moveTo>
                  <a:cubicBezTo>
                    <a:pt x="593" y="0"/>
                    <a:pt x="349" y="128"/>
                    <a:pt x="211" y="358"/>
                  </a:cubicBezTo>
                  <a:cubicBezTo>
                    <a:pt x="1" y="708"/>
                    <a:pt x="113" y="1161"/>
                    <a:pt x="463" y="1371"/>
                  </a:cubicBezTo>
                  <a:cubicBezTo>
                    <a:pt x="582" y="1443"/>
                    <a:pt x="713" y="1477"/>
                    <a:pt x="843" y="1477"/>
                  </a:cubicBezTo>
                  <a:cubicBezTo>
                    <a:pt x="1093" y="1477"/>
                    <a:pt x="1338" y="1349"/>
                    <a:pt x="1476" y="1119"/>
                  </a:cubicBezTo>
                  <a:cubicBezTo>
                    <a:pt x="1686" y="770"/>
                    <a:pt x="1572" y="316"/>
                    <a:pt x="1223" y="106"/>
                  </a:cubicBezTo>
                  <a:cubicBezTo>
                    <a:pt x="1104" y="34"/>
                    <a:pt x="973" y="0"/>
                    <a:pt x="843"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 name="Google Shape;1157;p43">
              <a:extLst>
                <a:ext uri="{FF2B5EF4-FFF2-40B4-BE49-F238E27FC236}">
                  <a16:creationId xmlns:a16="http://schemas.microsoft.com/office/drawing/2014/main" xmlns="" id="{01C6C7CF-C3CF-019F-D6B6-582F2432E3F9}"/>
                </a:ext>
              </a:extLst>
            </p:cNvPr>
            <p:cNvSpPr/>
            <p:nvPr/>
          </p:nvSpPr>
          <p:spPr>
            <a:xfrm>
              <a:off x="6391654" y="2110824"/>
              <a:ext cx="130379" cy="413457"/>
            </a:xfrm>
            <a:custGeom>
              <a:avLst/>
              <a:gdLst/>
              <a:ahLst/>
              <a:cxnLst/>
              <a:rect l="l" t="t" r="r" b="b"/>
              <a:pathLst>
                <a:path w="1916" h="6076" extrusionOk="0">
                  <a:moveTo>
                    <a:pt x="0" y="0"/>
                  </a:moveTo>
                  <a:lnTo>
                    <a:pt x="0" y="6075"/>
                  </a:lnTo>
                  <a:lnTo>
                    <a:pt x="1916" y="6075"/>
                  </a:lnTo>
                  <a:lnTo>
                    <a:pt x="1916"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 name="Google Shape;1158;p43">
              <a:extLst>
                <a:ext uri="{FF2B5EF4-FFF2-40B4-BE49-F238E27FC236}">
                  <a16:creationId xmlns:a16="http://schemas.microsoft.com/office/drawing/2014/main" xmlns="" id="{1F8A56B3-1F26-A61C-93BE-6D5862F73CB2}"/>
                </a:ext>
              </a:extLst>
            </p:cNvPr>
            <p:cNvSpPr/>
            <p:nvPr/>
          </p:nvSpPr>
          <p:spPr>
            <a:xfrm>
              <a:off x="6148588" y="2524212"/>
              <a:ext cx="616578" cy="109216"/>
            </a:xfrm>
            <a:custGeom>
              <a:avLst/>
              <a:gdLst/>
              <a:ahLst/>
              <a:cxnLst/>
              <a:rect l="l" t="t" r="r" b="b"/>
              <a:pathLst>
                <a:path w="9061" h="1605" extrusionOk="0">
                  <a:moveTo>
                    <a:pt x="1" y="0"/>
                  </a:moveTo>
                  <a:lnTo>
                    <a:pt x="1" y="1605"/>
                  </a:lnTo>
                  <a:lnTo>
                    <a:pt x="9060" y="1605"/>
                  </a:lnTo>
                  <a:lnTo>
                    <a:pt x="9060"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 name="Google Shape;1159;p43">
              <a:extLst>
                <a:ext uri="{FF2B5EF4-FFF2-40B4-BE49-F238E27FC236}">
                  <a16:creationId xmlns:a16="http://schemas.microsoft.com/office/drawing/2014/main" xmlns="" id="{7A9B2857-FB1C-A58F-FB91-DDE742C16F23}"/>
                </a:ext>
              </a:extLst>
            </p:cNvPr>
            <p:cNvSpPr/>
            <p:nvPr/>
          </p:nvSpPr>
          <p:spPr>
            <a:xfrm>
              <a:off x="6349465" y="2703858"/>
              <a:ext cx="214826" cy="214962"/>
            </a:xfrm>
            <a:custGeom>
              <a:avLst/>
              <a:gdLst/>
              <a:ahLst/>
              <a:cxnLst/>
              <a:rect l="l" t="t" r="r" b="b"/>
              <a:pathLst>
                <a:path w="3157" h="3159" extrusionOk="0">
                  <a:moveTo>
                    <a:pt x="0" y="0"/>
                  </a:moveTo>
                  <a:lnTo>
                    <a:pt x="0" y="1579"/>
                  </a:lnTo>
                  <a:cubicBezTo>
                    <a:pt x="0" y="2451"/>
                    <a:pt x="706" y="3158"/>
                    <a:pt x="1578" y="3158"/>
                  </a:cubicBezTo>
                  <a:cubicBezTo>
                    <a:pt x="2450" y="3158"/>
                    <a:pt x="3157" y="2451"/>
                    <a:pt x="3157" y="1579"/>
                  </a:cubicBezTo>
                  <a:lnTo>
                    <a:pt x="3157"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 name="Google Shape;1160;p43">
              <a:extLst>
                <a:ext uri="{FF2B5EF4-FFF2-40B4-BE49-F238E27FC236}">
                  <a16:creationId xmlns:a16="http://schemas.microsoft.com/office/drawing/2014/main" xmlns="" id="{A62265E2-56E7-65AE-DD2A-136DF9EE3F0A}"/>
                </a:ext>
              </a:extLst>
            </p:cNvPr>
            <p:cNvSpPr/>
            <p:nvPr/>
          </p:nvSpPr>
          <p:spPr>
            <a:xfrm>
              <a:off x="6349328" y="2633361"/>
              <a:ext cx="214962" cy="70565"/>
            </a:xfrm>
            <a:custGeom>
              <a:avLst/>
              <a:gdLst/>
              <a:ahLst/>
              <a:cxnLst/>
              <a:rect l="l" t="t" r="r" b="b"/>
              <a:pathLst>
                <a:path w="3159" h="1037" extrusionOk="0">
                  <a:moveTo>
                    <a:pt x="1" y="1"/>
                  </a:moveTo>
                  <a:lnTo>
                    <a:pt x="1" y="1036"/>
                  </a:lnTo>
                  <a:lnTo>
                    <a:pt x="3159" y="1036"/>
                  </a:lnTo>
                  <a:lnTo>
                    <a:pt x="3159"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 name="Google Shape;1161;p43">
              <a:extLst>
                <a:ext uri="{FF2B5EF4-FFF2-40B4-BE49-F238E27FC236}">
                  <a16:creationId xmlns:a16="http://schemas.microsoft.com/office/drawing/2014/main" xmlns="" id="{E2042C6A-35EF-0C9C-2A41-8F3E9E7972D5}"/>
                </a:ext>
              </a:extLst>
            </p:cNvPr>
            <p:cNvSpPr/>
            <p:nvPr/>
          </p:nvSpPr>
          <p:spPr>
            <a:xfrm>
              <a:off x="6364163" y="2646630"/>
              <a:ext cx="18985" cy="44095"/>
            </a:xfrm>
            <a:custGeom>
              <a:avLst/>
              <a:gdLst/>
              <a:ahLst/>
              <a:cxnLst/>
              <a:rect l="l" t="t" r="r" b="b"/>
              <a:pathLst>
                <a:path w="279" h="648" extrusionOk="0">
                  <a:moveTo>
                    <a:pt x="140" y="0"/>
                  </a:moveTo>
                  <a:cubicBezTo>
                    <a:pt x="63" y="0"/>
                    <a:pt x="0" y="62"/>
                    <a:pt x="0" y="140"/>
                  </a:cubicBezTo>
                  <a:lnTo>
                    <a:pt x="0" y="508"/>
                  </a:lnTo>
                  <a:cubicBezTo>
                    <a:pt x="0" y="585"/>
                    <a:pt x="62" y="647"/>
                    <a:pt x="140" y="647"/>
                  </a:cubicBezTo>
                  <a:cubicBezTo>
                    <a:pt x="216" y="647"/>
                    <a:pt x="278" y="585"/>
                    <a:pt x="278" y="508"/>
                  </a:cubicBezTo>
                  <a:lnTo>
                    <a:pt x="278" y="140"/>
                  </a:lnTo>
                  <a:cubicBezTo>
                    <a:pt x="278" y="62"/>
                    <a:pt x="216"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 name="Google Shape;1162;p43">
              <a:extLst>
                <a:ext uri="{FF2B5EF4-FFF2-40B4-BE49-F238E27FC236}">
                  <a16:creationId xmlns:a16="http://schemas.microsoft.com/office/drawing/2014/main" xmlns="" id="{BD1F6ABD-0B0E-DD01-8462-67DD6BCCA873}"/>
                </a:ext>
              </a:extLst>
            </p:cNvPr>
            <p:cNvSpPr/>
            <p:nvPr/>
          </p:nvSpPr>
          <p:spPr>
            <a:xfrm>
              <a:off x="6419622" y="2646630"/>
              <a:ext cx="18985" cy="44095"/>
            </a:xfrm>
            <a:custGeom>
              <a:avLst/>
              <a:gdLst/>
              <a:ahLst/>
              <a:cxnLst/>
              <a:rect l="l" t="t" r="r" b="b"/>
              <a:pathLst>
                <a:path w="279" h="648" extrusionOk="0">
                  <a:moveTo>
                    <a:pt x="140" y="0"/>
                  </a:moveTo>
                  <a:cubicBezTo>
                    <a:pt x="63" y="0"/>
                    <a:pt x="1" y="62"/>
                    <a:pt x="1" y="140"/>
                  </a:cubicBezTo>
                  <a:lnTo>
                    <a:pt x="1" y="508"/>
                  </a:lnTo>
                  <a:cubicBezTo>
                    <a:pt x="1" y="585"/>
                    <a:pt x="63" y="647"/>
                    <a:pt x="140" y="647"/>
                  </a:cubicBezTo>
                  <a:cubicBezTo>
                    <a:pt x="217" y="647"/>
                    <a:pt x="279" y="585"/>
                    <a:pt x="279" y="508"/>
                  </a:cubicBezTo>
                  <a:lnTo>
                    <a:pt x="279" y="140"/>
                  </a:lnTo>
                  <a:cubicBezTo>
                    <a:pt x="279" y="62"/>
                    <a:pt x="217"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6" name="Google Shape;1163;p43">
              <a:extLst>
                <a:ext uri="{FF2B5EF4-FFF2-40B4-BE49-F238E27FC236}">
                  <a16:creationId xmlns:a16="http://schemas.microsoft.com/office/drawing/2014/main" xmlns="" id="{D9DED2FC-2A3E-E65E-E1EF-DC24B1E195A0}"/>
                </a:ext>
              </a:extLst>
            </p:cNvPr>
            <p:cNvSpPr/>
            <p:nvPr/>
          </p:nvSpPr>
          <p:spPr>
            <a:xfrm>
              <a:off x="6475148" y="2646630"/>
              <a:ext cx="18985" cy="44095"/>
            </a:xfrm>
            <a:custGeom>
              <a:avLst/>
              <a:gdLst/>
              <a:ahLst/>
              <a:cxnLst/>
              <a:rect l="l" t="t" r="r" b="b"/>
              <a:pathLst>
                <a:path w="279" h="648" extrusionOk="0">
                  <a:moveTo>
                    <a:pt x="139" y="0"/>
                  </a:moveTo>
                  <a:cubicBezTo>
                    <a:pt x="62" y="0"/>
                    <a:pt x="0" y="62"/>
                    <a:pt x="0" y="140"/>
                  </a:cubicBezTo>
                  <a:lnTo>
                    <a:pt x="0" y="508"/>
                  </a:lnTo>
                  <a:cubicBezTo>
                    <a:pt x="0" y="585"/>
                    <a:pt x="62" y="647"/>
                    <a:pt x="139" y="647"/>
                  </a:cubicBezTo>
                  <a:cubicBezTo>
                    <a:pt x="216" y="647"/>
                    <a:pt x="278" y="585"/>
                    <a:pt x="278" y="508"/>
                  </a:cubicBezTo>
                  <a:lnTo>
                    <a:pt x="278" y="140"/>
                  </a:lnTo>
                  <a:cubicBezTo>
                    <a:pt x="278" y="62"/>
                    <a:pt x="216" y="0"/>
                    <a:pt x="139"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7" name="Google Shape;1164;p43">
              <a:extLst>
                <a:ext uri="{FF2B5EF4-FFF2-40B4-BE49-F238E27FC236}">
                  <a16:creationId xmlns:a16="http://schemas.microsoft.com/office/drawing/2014/main" xmlns="" id="{16040B1C-5526-A668-3C7A-32FF555D7C88}"/>
                </a:ext>
              </a:extLst>
            </p:cNvPr>
            <p:cNvSpPr/>
            <p:nvPr/>
          </p:nvSpPr>
          <p:spPr>
            <a:xfrm>
              <a:off x="6530539" y="2646630"/>
              <a:ext cx="19053" cy="44095"/>
            </a:xfrm>
            <a:custGeom>
              <a:avLst/>
              <a:gdLst/>
              <a:ahLst/>
              <a:cxnLst/>
              <a:rect l="l" t="t" r="r" b="b"/>
              <a:pathLst>
                <a:path w="280" h="648" extrusionOk="0">
                  <a:moveTo>
                    <a:pt x="140" y="0"/>
                  </a:moveTo>
                  <a:cubicBezTo>
                    <a:pt x="64" y="0"/>
                    <a:pt x="1" y="62"/>
                    <a:pt x="1" y="140"/>
                  </a:cubicBezTo>
                  <a:lnTo>
                    <a:pt x="1" y="508"/>
                  </a:lnTo>
                  <a:cubicBezTo>
                    <a:pt x="1" y="585"/>
                    <a:pt x="63" y="647"/>
                    <a:pt x="140" y="647"/>
                  </a:cubicBezTo>
                  <a:cubicBezTo>
                    <a:pt x="217" y="647"/>
                    <a:pt x="280" y="585"/>
                    <a:pt x="280" y="508"/>
                  </a:cubicBezTo>
                  <a:lnTo>
                    <a:pt x="280" y="140"/>
                  </a:lnTo>
                  <a:cubicBezTo>
                    <a:pt x="280" y="62"/>
                    <a:pt x="217"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8" name="Google Shape;1165;p43">
              <a:extLst>
                <a:ext uri="{FF2B5EF4-FFF2-40B4-BE49-F238E27FC236}">
                  <a16:creationId xmlns:a16="http://schemas.microsoft.com/office/drawing/2014/main" xmlns="" id="{5BCEF5FB-6B94-686D-747A-31DC8DB43445}"/>
                </a:ext>
              </a:extLst>
            </p:cNvPr>
            <p:cNvSpPr/>
            <p:nvPr/>
          </p:nvSpPr>
          <p:spPr>
            <a:xfrm>
              <a:off x="6403086" y="2802050"/>
              <a:ext cx="107583" cy="406856"/>
            </a:xfrm>
            <a:custGeom>
              <a:avLst/>
              <a:gdLst/>
              <a:ahLst/>
              <a:cxnLst/>
              <a:rect l="l" t="t" r="r" b="b"/>
              <a:pathLst>
                <a:path w="1581" h="5979" extrusionOk="0">
                  <a:moveTo>
                    <a:pt x="1" y="0"/>
                  </a:moveTo>
                  <a:lnTo>
                    <a:pt x="1" y="5978"/>
                  </a:lnTo>
                  <a:lnTo>
                    <a:pt x="383" y="5978"/>
                  </a:lnTo>
                  <a:lnTo>
                    <a:pt x="383" y="3407"/>
                  </a:lnTo>
                  <a:lnTo>
                    <a:pt x="1198" y="3407"/>
                  </a:lnTo>
                  <a:lnTo>
                    <a:pt x="1198" y="5978"/>
                  </a:lnTo>
                  <a:lnTo>
                    <a:pt x="1580" y="5978"/>
                  </a:lnTo>
                  <a:lnTo>
                    <a:pt x="1580"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9" name="Google Shape;1166;p43">
              <a:extLst>
                <a:ext uri="{FF2B5EF4-FFF2-40B4-BE49-F238E27FC236}">
                  <a16:creationId xmlns:a16="http://schemas.microsoft.com/office/drawing/2014/main" xmlns="" id="{B7CD90BB-5BE1-DD84-95BC-8916D0338096}"/>
                </a:ext>
              </a:extLst>
            </p:cNvPr>
            <p:cNvSpPr/>
            <p:nvPr/>
          </p:nvSpPr>
          <p:spPr>
            <a:xfrm>
              <a:off x="6429080" y="3071450"/>
              <a:ext cx="55527" cy="99349"/>
            </a:xfrm>
            <a:custGeom>
              <a:avLst/>
              <a:gdLst/>
              <a:ahLst/>
              <a:cxnLst/>
              <a:rect l="l" t="t" r="r" b="b"/>
              <a:pathLst>
                <a:path w="816" h="1460" extrusionOk="0">
                  <a:moveTo>
                    <a:pt x="0" y="0"/>
                  </a:moveTo>
                  <a:lnTo>
                    <a:pt x="0" y="1460"/>
                  </a:lnTo>
                  <a:lnTo>
                    <a:pt x="816" y="1460"/>
                  </a:lnTo>
                  <a:lnTo>
                    <a:pt x="816"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0" name="Google Shape;1167;p43">
              <a:extLst>
                <a:ext uri="{FF2B5EF4-FFF2-40B4-BE49-F238E27FC236}">
                  <a16:creationId xmlns:a16="http://schemas.microsoft.com/office/drawing/2014/main" xmlns="" id="{905FEE46-A881-FC3E-1AEF-D70212730FB0}"/>
                </a:ext>
              </a:extLst>
            </p:cNvPr>
            <p:cNvSpPr/>
            <p:nvPr/>
          </p:nvSpPr>
          <p:spPr>
            <a:xfrm>
              <a:off x="6433503" y="3406448"/>
              <a:ext cx="46749" cy="77234"/>
            </a:xfrm>
            <a:custGeom>
              <a:avLst/>
              <a:gdLst/>
              <a:ahLst/>
              <a:cxnLst/>
              <a:rect l="l" t="t" r="r" b="b"/>
              <a:pathLst>
                <a:path w="687" h="1135" extrusionOk="0">
                  <a:moveTo>
                    <a:pt x="0" y="1"/>
                  </a:moveTo>
                  <a:lnTo>
                    <a:pt x="0" y="1135"/>
                  </a:lnTo>
                  <a:lnTo>
                    <a:pt x="687" y="1135"/>
                  </a:lnTo>
                  <a:lnTo>
                    <a:pt x="68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1" name="Google Shape;1168;p43">
              <a:extLst>
                <a:ext uri="{FF2B5EF4-FFF2-40B4-BE49-F238E27FC236}">
                  <a16:creationId xmlns:a16="http://schemas.microsoft.com/office/drawing/2014/main" xmlns="" id="{1FBFC4DF-6918-14D4-19A2-03F3BA5F7575}"/>
                </a:ext>
              </a:extLst>
            </p:cNvPr>
            <p:cNvSpPr/>
            <p:nvPr/>
          </p:nvSpPr>
          <p:spPr>
            <a:xfrm>
              <a:off x="6441873" y="3389777"/>
              <a:ext cx="30009" cy="136231"/>
            </a:xfrm>
            <a:custGeom>
              <a:avLst/>
              <a:gdLst/>
              <a:ahLst/>
              <a:cxnLst/>
              <a:rect l="l" t="t" r="r" b="b"/>
              <a:pathLst>
                <a:path w="441" h="2002" extrusionOk="0">
                  <a:moveTo>
                    <a:pt x="0" y="1"/>
                  </a:moveTo>
                  <a:lnTo>
                    <a:pt x="0" y="2001"/>
                  </a:lnTo>
                  <a:lnTo>
                    <a:pt x="441" y="2001"/>
                  </a:lnTo>
                  <a:lnTo>
                    <a:pt x="441"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2" name="Google Shape;1169;p43">
              <a:extLst>
                <a:ext uri="{FF2B5EF4-FFF2-40B4-BE49-F238E27FC236}">
                  <a16:creationId xmlns:a16="http://schemas.microsoft.com/office/drawing/2014/main" xmlns="" id="{932F4754-8F0C-82B3-54F5-13BC68936B15}"/>
                </a:ext>
              </a:extLst>
            </p:cNvPr>
            <p:cNvSpPr/>
            <p:nvPr/>
          </p:nvSpPr>
          <p:spPr>
            <a:xfrm>
              <a:off x="6423364" y="3525940"/>
              <a:ext cx="67027" cy="30349"/>
            </a:xfrm>
            <a:custGeom>
              <a:avLst/>
              <a:gdLst/>
              <a:ahLst/>
              <a:cxnLst/>
              <a:rect l="l" t="t" r="r" b="b"/>
              <a:pathLst>
                <a:path w="985" h="446" extrusionOk="0">
                  <a:moveTo>
                    <a:pt x="0" y="0"/>
                  </a:moveTo>
                  <a:lnTo>
                    <a:pt x="0" y="446"/>
                  </a:lnTo>
                  <a:lnTo>
                    <a:pt x="984" y="446"/>
                  </a:lnTo>
                  <a:lnTo>
                    <a:pt x="984"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3" name="Google Shape;1170;p43">
              <a:extLst>
                <a:ext uri="{FF2B5EF4-FFF2-40B4-BE49-F238E27FC236}">
                  <a16:creationId xmlns:a16="http://schemas.microsoft.com/office/drawing/2014/main" xmlns="" id="{BAEC60F9-8FA0-28CC-6424-7893182872CD}"/>
                </a:ext>
              </a:extLst>
            </p:cNvPr>
            <p:cNvSpPr/>
            <p:nvPr/>
          </p:nvSpPr>
          <p:spPr>
            <a:xfrm>
              <a:off x="6415471" y="3048178"/>
              <a:ext cx="82814" cy="463676"/>
            </a:xfrm>
            <a:custGeom>
              <a:avLst/>
              <a:gdLst/>
              <a:ahLst/>
              <a:cxnLst/>
              <a:rect l="l" t="t" r="r" b="b"/>
              <a:pathLst>
                <a:path w="1217" h="6814" extrusionOk="0">
                  <a:moveTo>
                    <a:pt x="362" y="0"/>
                  </a:moveTo>
                  <a:lnTo>
                    <a:pt x="362" y="2546"/>
                  </a:lnTo>
                  <a:lnTo>
                    <a:pt x="1" y="2546"/>
                  </a:lnTo>
                  <a:lnTo>
                    <a:pt x="1" y="6813"/>
                  </a:lnTo>
                  <a:lnTo>
                    <a:pt x="265" y="6813"/>
                  </a:lnTo>
                  <a:lnTo>
                    <a:pt x="265" y="4879"/>
                  </a:lnTo>
                  <a:lnTo>
                    <a:pt x="952" y="4879"/>
                  </a:lnTo>
                  <a:lnTo>
                    <a:pt x="952" y="6813"/>
                  </a:lnTo>
                  <a:lnTo>
                    <a:pt x="1216" y="6813"/>
                  </a:lnTo>
                  <a:lnTo>
                    <a:pt x="1216" y="2546"/>
                  </a:lnTo>
                  <a:lnTo>
                    <a:pt x="854" y="2546"/>
                  </a:lnTo>
                  <a:lnTo>
                    <a:pt x="854" y="0"/>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4" name="Google Shape;1171;p43">
              <a:extLst>
                <a:ext uri="{FF2B5EF4-FFF2-40B4-BE49-F238E27FC236}">
                  <a16:creationId xmlns:a16="http://schemas.microsoft.com/office/drawing/2014/main" xmlns="" id="{C42DF7D6-4C56-8D1D-3135-3DEF90DB717F}"/>
                </a:ext>
              </a:extLst>
            </p:cNvPr>
            <p:cNvSpPr/>
            <p:nvPr/>
          </p:nvSpPr>
          <p:spPr>
            <a:xfrm>
              <a:off x="6391722" y="2110824"/>
              <a:ext cx="130311" cy="210607"/>
            </a:xfrm>
            <a:custGeom>
              <a:avLst/>
              <a:gdLst/>
              <a:ahLst/>
              <a:cxnLst/>
              <a:rect l="l" t="t" r="r" b="b"/>
              <a:pathLst>
                <a:path w="1915" h="3095" extrusionOk="0">
                  <a:moveTo>
                    <a:pt x="0" y="0"/>
                  </a:moveTo>
                  <a:lnTo>
                    <a:pt x="0" y="2943"/>
                  </a:lnTo>
                  <a:cubicBezTo>
                    <a:pt x="3" y="2944"/>
                    <a:pt x="5" y="2945"/>
                    <a:pt x="9" y="2946"/>
                  </a:cubicBezTo>
                  <a:cubicBezTo>
                    <a:pt x="319" y="3047"/>
                    <a:pt x="634" y="3095"/>
                    <a:pt x="943" y="3095"/>
                  </a:cubicBezTo>
                  <a:cubicBezTo>
                    <a:pt x="1277" y="3095"/>
                    <a:pt x="1605" y="3040"/>
                    <a:pt x="1915" y="2936"/>
                  </a:cubicBezTo>
                  <a:lnTo>
                    <a:pt x="1915"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5" name="Google Shape;1172;p43">
              <a:extLst>
                <a:ext uri="{FF2B5EF4-FFF2-40B4-BE49-F238E27FC236}">
                  <a16:creationId xmlns:a16="http://schemas.microsoft.com/office/drawing/2014/main" xmlns="" id="{C7DA11F2-C51B-0F5E-392A-742733FA4936}"/>
                </a:ext>
              </a:extLst>
            </p:cNvPr>
            <p:cNvSpPr/>
            <p:nvPr/>
          </p:nvSpPr>
          <p:spPr>
            <a:xfrm>
              <a:off x="4388608" y="1268328"/>
              <a:ext cx="2280204" cy="1025476"/>
            </a:xfrm>
            <a:custGeom>
              <a:avLst/>
              <a:gdLst/>
              <a:ahLst/>
              <a:cxnLst/>
              <a:rect l="l" t="t" r="r" b="b"/>
              <a:pathLst>
                <a:path w="33509" h="15070" extrusionOk="0">
                  <a:moveTo>
                    <a:pt x="4169" y="1"/>
                  </a:moveTo>
                  <a:cubicBezTo>
                    <a:pt x="2698" y="1"/>
                    <a:pt x="1313" y="910"/>
                    <a:pt x="765" y="2323"/>
                  </a:cubicBezTo>
                  <a:cubicBezTo>
                    <a:pt x="0" y="4293"/>
                    <a:pt x="1053" y="6473"/>
                    <a:pt x="3036" y="7117"/>
                  </a:cubicBezTo>
                  <a:cubicBezTo>
                    <a:pt x="3379" y="7229"/>
                    <a:pt x="3727" y="7286"/>
                    <a:pt x="4071" y="7295"/>
                  </a:cubicBezTo>
                  <a:cubicBezTo>
                    <a:pt x="6729" y="7363"/>
                    <a:pt x="9359" y="7868"/>
                    <a:pt x="11924" y="8576"/>
                  </a:cubicBezTo>
                  <a:lnTo>
                    <a:pt x="14265" y="9224"/>
                  </a:lnTo>
                  <a:cubicBezTo>
                    <a:pt x="16675" y="9889"/>
                    <a:pt x="26934" y="13614"/>
                    <a:pt x="29154" y="14765"/>
                  </a:cubicBezTo>
                  <a:cubicBezTo>
                    <a:pt x="29385" y="14885"/>
                    <a:pt x="29638" y="14973"/>
                    <a:pt x="29910" y="15025"/>
                  </a:cubicBezTo>
                  <a:cubicBezTo>
                    <a:pt x="30070" y="15055"/>
                    <a:pt x="30231" y="15069"/>
                    <a:pt x="30391" y="15069"/>
                  </a:cubicBezTo>
                  <a:cubicBezTo>
                    <a:pt x="31422" y="15069"/>
                    <a:pt x="32399" y="14461"/>
                    <a:pt x="32835" y="13501"/>
                  </a:cubicBezTo>
                  <a:cubicBezTo>
                    <a:pt x="33509" y="12015"/>
                    <a:pt x="32731" y="10317"/>
                    <a:pt x="31222" y="9827"/>
                  </a:cubicBezTo>
                  <a:cubicBezTo>
                    <a:pt x="31106" y="9789"/>
                    <a:pt x="30989" y="9760"/>
                    <a:pt x="30872" y="9738"/>
                  </a:cubicBezTo>
                  <a:cubicBezTo>
                    <a:pt x="28330" y="9275"/>
                    <a:pt x="17877" y="5923"/>
                    <a:pt x="15458" y="5016"/>
                  </a:cubicBezTo>
                  <a:lnTo>
                    <a:pt x="12608" y="3948"/>
                  </a:lnTo>
                  <a:cubicBezTo>
                    <a:pt x="10383" y="3115"/>
                    <a:pt x="8223" y="2081"/>
                    <a:pt x="6297" y="691"/>
                  </a:cubicBezTo>
                  <a:cubicBezTo>
                    <a:pt x="5904" y="407"/>
                    <a:pt x="5446" y="196"/>
                    <a:pt x="4934" y="84"/>
                  </a:cubicBezTo>
                  <a:cubicBezTo>
                    <a:pt x="4679" y="28"/>
                    <a:pt x="4423" y="1"/>
                    <a:pt x="4169"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6" name="Google Shape;1173;p43">
              <a:extLst>
                <a:ext uri="{FF2B5EF4-FFF2-40B4-BE49-F238E27FC236}">
                  <a16:creationId xmlns:a16="http://schemas.microsoft.com/office/drawing/2014/main" xmlns="" id="{EB82DC79-0D42-6555-0ACA-45FAA7F41788}"/>
                </a:ext>
              </a:extLst>
            </p:cNvPr>
            <p:cNvSpPr/>
            <p:nvPr/>
          </p:nvSpPr>
          <p:spPr>
            <a:xfrm>
              <a:off x="6368790" y="2032501"/>
              <a:ext cx="175903" cy="156781"/>
            </a:xfrm>
            <a:custGeom>
              <a:avLst/>
              <a:gdLst/>
              <a:ahLst/>
              <a:cxnLst/>
              <a:rect l="l" t="t" r="r" b="b"/>
              <a:pathLst>
                <a:path w="2585" h="2304" extrusionOk="0">
                  <a:moveTo>
                    <a:pt x="1292" y="0"/>
                  </a:moveTo>
                  <a:cubicBezTo>
                    <a:pt x="807" y="0"/>
                    <a:pt x="356" y="309"/>
                    <a:pt x="198" y="796"/>
                  </a:cubicBezTo>
                  <a:cubicBezTo>
                    <a:pt x="0" y="1401"/>
                    <a:pt x="332" y="2051"/>
                    <a:pt x="937" y="2247"/>
                  </a:cubicBezTo>
                  <a:cubicBezTo>
                    <a:pt x="1055" y="2285"/>
                    <a:pt x="1174" y="2304"/>
                    <a:pt x="1292" y="2304"/>
                  </a:cubicBezTo>
                  <a:cubicBezTo>
                    <a:pt x="1778" y="2304"/>
                    <a:pt x="2230" y="1994"/>
                    <a:pt x="2388" y="1507"/>
                  </a:cubicBezTo>
                  <a:cubicBezTo>
                    <a:pt x="2584" y="902"/>
                    <a:pt x="2254" y="253"/>
                    <a:pt x="1648" y="57"/>
                  </a:cubicBezTo>
                  <a:cubicBezTo>
                    <a:pt x="1530" y="18"/>
                    <a:pt x="1410" y="0"/>
                    <a:pt x="1292" y="0"/>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7" name="Google Shape;1174;p43">
              <a:extLst>
                <a:ext uri="{FF2B5EF4-FFF2-40B4-BE49-F238E27FC236}">
                  <a16:creationId xmlns:a16="http://schemas.microsoft.com/office/drawing/2014/main" xmlns="" id="{DD7C7B6C-B56E-2736-E405-2945AC6980BA}"/>
                </a:ext>
              </a:extLst>
            </p:cNvPr>
            <p:cNvSpPr/>
            <p:nvPr/>
          </p:nvSpPr>
          <p:spPr>
            <a:xfrm>
              <a:off x="4429777" y="1268396"/>
              <a:ext cx="592081" cy="516072"/>
            </a:xfrm>
            <a:custGeom>
              <a:avLst/>
              <a:gdLst/>
              <a:ahLst/>
              <a:cxnLst/>
              <a:rect l="l" t="t" r="r" b="b"/>
              <a:pathLst>
                <a:path w="8701" h="7584" extrusionOk="0">
                  <a:moveTo>
                    <a:pt x="3571" y="0"/>
                  </a:moveTo>
                  <a:cubicBezTo>
                    <a:pt x="3143" y="0"/>
                    <a:pt x="2722" y="78"/>
                    <a:pt x="2327" y="221"/>
                  </a:cubicBezTo>
                  <a:cubicBezTo>
                    <a:pt x="1904" y="499"/>
                    <a:pt x="1530" y="856"/>
                    <a:pt x="1234" y="1288"/>
                  </a:cubicBezTo>
                  <a:cubicBezTo>
                    <a:pt x="999" y="1631"/>
                    <a:pt x="825" y="1994"/>
                    <a:pt x="707" y="2365"/>
                  </a:cubicBezTo>
                  <a:cubicBezTo>
                    <a:pt x="486" y="3062"/>
                    <a:pt x="248" y="3752"/>
                    <a:pt x="1" y="4440"/>
                  </a:cubicBezTo>
                  <a:cubicBezTo>
                    <a:pt x="274" y="5656"/>
                    <a:pt x="1160" y="6702"/>
                    <a:pt x="2431" y="7116"/>
                  </a:cubicBezTo>
                  <a:cubicBezTo>
                    <a:pt x="2774" y="7228"/>
                    <a:pt x="3122" y="7285"/>
                    <a:pt x="3466" y="7294"/>
                  </a:cubicBezTo>
                  <a:cubicBezTo>
                    <a:pt x="4553" y="7322"/>
                    <a:pt x="5634" y="7426"/>
                    <a:pt x="6710" y="7583"/>
                  </a:cubicBezTo>
                  <a:cubicBezTo>
                    <a:pt x="7091" y="7013"/>
                    <a:pt x="7475" y="6443"/>
                    <a:pt x="7866" y="5879"/>
                  </a:cubicBezTo>
                  <a:cubicBezTo>
                    <a:pt x="7968" y="5731"/>
                    <a:pt x="8061" y="5576"/>
                    <a:pt x="8145" y="5412"/>
                  </a:cubicBezTo>
                  <a:cubicBezTo>
                    <a:pt x="8650" y="4421"/>
                    <a:pt x="8700" y="3321"/>
                    <a:pt x="8383" y="2341"/>
                  </a:cubicBezTo>
                  <a:cubicBezTo>
                    <a:pt x="7451" y="1850"/>
                    <a:pt x="6547" y="1307"/>
                    <a:pt x="5692" y="690"/>
                  </a:cubicBezTo>
                  <a:cubicBezTo>
                    <a:pt x="5299" y="406"/>
                    <a:pt x="4841" y="195"/>
                    <a:pt x="4329" y="83"/>
                  </a:cubicBezTo>
                  <a:cubicBezTo>
                    <a:pt x="4076" y="27"/>
                    <a:pt x="3823" y="0"/>
                    <a:pt x="3571"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8" name="Google Shape;1175;p43">
              <a:extLst>
                <a:ext uri="{FF2B5EF4-FFF2-40B4-BE49-F238E27FC236}">
                  <a16:creationId xmlns:a16="http://schemas.microsoft.com/office/drawing/2014/main" xmlns="" id="{4D295CFC-F19F-2CE2-13A6-0A6B8608F88D}"/>
                </a:ext>
              </a:extLst>
            </p:cNvPr>
            <p:cNvSpPr/>
            <p:nvPr/>
          </p:nvSpPr>
          <p:spPr>
            <a:xfrm>
              <a:off x="3355034" y="1237638"/>
              <a:ext cx="1639196" cy="2397926"/>
            </a:xfrm>
            <a:custGeom>
              <a:avLst/>
              <a:gdLst/>
              <a:ahLst/>
              <a:cxnLst/>
              <a:rect l="l" t="t" r="r" b="b"/>
              <a:pathLst>
                <a:path w="24089" h="35239" extrusionOk="0">
                  <a:moveTo>
                    <a:pt x="19425" y="0"/>
                  </a:moveTo>
                  <a:cubicBezTo>
                    <a:pt x="18125" y="0"/>
                    <a:pt x="16855" y="630"/>
                    <a:pt x="16096" y="1740"/>
                  </a:cubicBezTo>
                  <a:cubicBezTo>
                    <a:pt x="15861" y="2083"/>
                    <a:pt x="15686" y="2446"/>
                    <a:pt x="15569" y="2817"/>
                  </a:cubicBezTo>
                  <a:cubicBezTo>
                    <a:pt x="14433" y="6397"/>
                    <a:pt x="12957" y="9859"/>
                    <a:pt x="11105" y="13125"/>
                  </a:cubicBezTo>
                  <a:lnTo>
                    <a:pt x="9306" y="16297"/>
                  </a:lnTo>
                  <a:cubicBezTo>
                    <a:pt x="7336" y="19772"/>
                    <a:pt x="5082" y="23100"/>
                    <a:pt x="2330" y="25994"/>
                  </a:cubicBezTo>
                  <a:cubicBezTo>
                    <a:pt x="1976" y="26369"/>
                    <a:pt x="1668" y="26799"/>
                    <a:pt x="1421" y="27282"/>
                  </a:cubicBezTo>
                  <a:cubicBezTo>
                    <a:pt x="0" y="30069"/>
                    <a:pt x="1196" y="33502"/>
                    <a:pt x="4100" y="34782"/>
                  </a:cubicBezTo>
                  <a:cubicBezTo>
                    <a:pt x="4802" y="35091"/>
                    <a:pt x="5544" y="35239"/>
                    <a:pt x="6279" y="35239"/>
                  </a:cubicBezTo>
                  <a:cubicBezTo>
                    <a:pt x="8100" y="35239"/>
                    <a:pt x="9879" y="34333"/>
                    <a:pt x="10902" y="32732"/>
                  </a:cubicBezTo>
                  <a:cubicBezTo>
                    <a:pt x="11326" y="32070"/>
                    <a:pt x="11589" y="31359"/>
                    <a:pt x="11705" y="30642"/>
                  </a:cubicBezTo>
                  <a:cubicBezTo>
                    <a:pt x="12274" y="27121"/>
                    <a:pt x="13470" y="23732"/>
                    <a:pt x="14946" y="20485"/>
                  </a:cubicBezTo>
                  <a:lnTo>
                    <a:pt x="16838" y="16325"/>
                  </a:lnTo>
                  <a:cubicBezTo>
                    <a:pt x="18443" y="12795"/>
                    <a:pt x="20523" y="9520"/>
                    <a:pt x="22729" y="6331"/>
                  </a:cubicBezTo>
                  <a:cubicBezTo>
                    <a:pt x="22830" y="6183"/>
                    <a:pt x="22923" y="6028"/>
                    <a:pt x="23007" y="5864"/>
                  </a:cubicBezTo>
                  <a:cubicBezTo>
                    <a:pt x="24088" y="3743"/>
                    <a:pt x="23112" y="1116"/>
                    <a:pt x="20819" y="253"/>
                  </a:cubicBezTo>
                  <a:cubicBezTo>
                    <a:pt x="20365" y="82"/>
                    <a:pt x="19893" y="0"/>
                    <a:pt x="19425"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9" name="Google Shape;1176;p43">
              <a:extLst>
                <a:ext uri="{FF2B5EF4-FFF2-40B4-BE49-F238E27FC236}">
                  <a16:creationId xmlns:a16="http://schemas.microsoft.com/office/drawing/2014/main" xmlns="" id="{A94F6930-E156-BD2F-8979-A6EDB27EFF23}"/>
                </a:ext>
              </a:extLst>
            </p:cNvPr>
            <p:cNvSpPr/>
            <p:nvPr/>
          </p:nvSpPr>
          <p:spPr>
            <a:xfrm>
              <a:off x="4541783" y="1394352"/>
              <a:ext cx="268720" cy="235444"/>
            </a:xfrm>
            <a:custGeom>
              <a:avLst/>
              <a:gdLst/>
              <a:ahLst/>
              <a:cxnLst/>
              <a:rect l="l" t="t" r="r" b="b"/>
              <a:pathLst>
                <a:path w="3949" h="3460" extrusionOk="0">
                  <a:moveTo>
                    <a:pt x="1976" y="1"/>
                  </a:moveTo>
                  <a:cubicBezTo>
                    <a:pt x="1346" y="1"/>
                    <a:pt x="739" y="346"/>
                    <a:pt x="434" y="945"/>
                  </a:cubicBezTo>
                  <a:cubicBezTo>
                    <a:pt x="0" y="1796"/>
                    <a:pt x="338" y="2837"/>
                    <a:pt x="1189" y="3270"/>
                  </a:cubicBezTo>
                  <a:cubicBezTo>
                    <a:pt x="1441" y="3398"/>
                    <a:pt x="1709" y="3459"/>
                    <a:pt x="1973" y="3459"/>
                  </a:cubicBezTo>
                  <a:cubicBezTo>
                    <a:pt x="2603" y="3459"/>
                    <a:pt x="3209" y="3114"/>
                    <a:pt x="3515" y="2515"/>
                  </a:cubicBezTo>
                  <a:cubicBezTo>
                    <a:pt x="3948" y="1665"/>
                    <a:pt x="3610" y="624"/>
                    <a:pt x="2759" y="190"/>
                  </a:cubicBezTo>
                  <a:cubicBezTo>
                    <a:pt x="2508" y="62"/>
                    <a:pt x="2240" y="1"/>
                    <a:pt x="1976" y="1"/>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0" name="Google Shape;1177;p43">
              <a:extLst>
                <a:ext uri="{FF2B5EF4-FFF2-40B4-BE49-F238E27FC236}">
                  <a16:creationId xmlns:a16="http://schemas.microsoft.com/office/drawing/2014/main" xmlns="" id="{8A3F48F1-1403-EFAC-987D-AECAE47D69FF}"/>
                </a:ext>
              </a:extLst>
            </p:cNvPr>
            <p:cNvSpPr/>
            <p:nvPr/>
          </p:nvSpPr>
          <p:spPr>
            <a:xfrm>
              <a:off x="3563804" y="3171140"/>
              <a:ext cx="440335" cy="385829"/>
            </a:xfrm>
            <a:custGeom>
              <a:avLst/>
              <a:gdLst/>
              <a:ahLst/>
              <a:cxnLst/>
              <a:rect l="l" t="t" r="r" b="b"/>
              <a:pathLst>
                <a:path w="6471" h="5670" extrusionOk="0">
                  <a:moveTo>
                    <a:pt x="3234" y="0"/>
                  </a:moveTo>
                  <a:cubicBezTo>
                    <a:pt x="2801" y="0"/>
                    <a:pt x="2361" y="100"/>
                    <a:pt x="1949" y="310"/>
                  </a:cubicBezTo>
                  <a:cubicBezTo>
                    <a:pt x="554" y="1020"/>
                    <a:pt x="0" y="2727"/>
                    <a:pt x="710" y="4121"/>
                  </a:cubicBezTo>
                  <a:cubicBezTo>
                    <a:pt x="1211" y="5104"/>
                    <a:pt x="2205" y="5670"/>
                    <a:pt x="3237" y="5670"/>
                  </a:cubicBezTo>
                  <a:cubicBezTo>
                    <a:pt x="3670" y="5670"/>
                    <a:pt x="4110" y="5570"/>
                    <a:pt x="4522" y="5360"/>
                  </a:cubicBezTo>
                  <a:cubicBezTo>
                    <a:pt x="5917" y="4650"/>
                    <a:pt x="6471" y="2943"/>
                    <a:pt x="5761" y="1549"/>
                  </a:cubicBezTo>
                  <a:cubicBezTo>
                    <a:pt x="5260" y="566"/>
                    <a:pt x="4265" y="0"/>
                    <a:pt x="3234" y="0"/>
                  </a:cubicBezTo>
                  <a:close/>
                </a:path>
              </a:pathLst>
            </a:custGeom>
            <a:solidFill>
              <a:srgbClr val="CC873C"/>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1" name="Google Shape;1178;p43">
              <a:extLst>
                <a:ext uri="{FF2B5EF4-FFF2-40B4-BE49-F238E27FC236}">
                  <a16:creationId xmlns:a16="http://schemas.microsoft.com/office/drawing/2014/main" xmlns="" id="{E60825CA-D7F0-939C-C606-0DA1F7090B62}"/>
                </a:ext>
              </a:extLst>
            </p:cNvPr>
            <p:cNvSpPr/>
            <p:nvPr/>
          </p:nvSpPr>
          <p:spPr>
            <a:xfrm>
              <a:off x="3589254" y="3163587"/>
              <a:ext cx="385693" cy="385761"/>
            </a:xfrm>
            <a:custGeom>
              <a:avLst/>
              <a:gdLst/>
              <a:ahLst/>
              <a:cxnLst/>
              <a:rect l="l" t="t" r="r" b="b"/>
              <a:pathLst>
                <a:path w="5668" h="5669" extrusionOk="0">
                  <a:moveTo>
                    <a:pt x="2835" y="1"/>
                  </a:moveTo>
                  <a:cubicBezTo>
                    <a:pt x="1269" y="1"/>
                    <a:pt x="0" y="1269"/>
                    <a:pt x="0" y="2834"/>
                  </a:cubicBezTo>
                  <a:cubicBezTo>
                    <a:pt x="0" y="4400"/>
                    <a:pt x="1269" y="5668"/>
                    <a:pt x="2835" y="5668"/>
                  </a:cubicBezTo>
                  <a:cubicBezTo>
                    <a:pt x="4400" y="5668"/>
                    <a:pt x="5668" y="4400"/>
                    <a:pt x="5668" y="2834"/>
                  </a:cubicBezTo>
                  <a:cubicBezTo>
                    <a:pt x="5668" y="1269"/>
                    <a:pt x="4400" y="1"/>
                    <a:pt x="2835" y="1"/>
                  </a:cubicBezTo>
                  <a:close/>
                </a:path>
              </a:pathLst>
            </a:custGeom>
            <a:solidFill>
              <a:srgbClr val="CC873C"/>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2" name="Google Shape;1179;p43">
              <a:extLst>
                <a:ext uri="{FF2B5EF4-FFF2-40B4-BE49-F238E27FC236}">
                  <a16:creationId xmlns:a16="http://schemas.microsoft.com/office/drawing/2014/main" xmlns="" id="{15EDE165-5A4F-0D22-0F8E-98D445FD89E7}"/>
                </a:ext>
              </a:extLst>
            </p:cNvPr>
            <p:cNvSpPr/>
            <p:nvPr/>
          </p:nvSpPr>
          <p:spPr>
            <a:xfrm>
              <a:off x="3167904" y="3524987"/>
              <a:ext cx="257900" cy="538936"/>
            </a:xfrm>
            <a:custGeom>
              <a:avLst/>
              <a:gdLst/>
              <a:ahLst/>
              <a:cxnLst/>
              <a:rect l="l" t="t" r="r" b="b"/>
              <a:pathLst>
                <a:path w="3790" h="7920" extrusionOk="0">
                  <a:moveTo>
                    <a:pt x="2364" y="1"/>
                  </a:moveTo>
                  <a:lnTo>
                    <a:pt x="1" y="7920"/>
                  </a:lnTo>
                  <a:lnTo>
                    <a:pt x="3789" y="7920"/>
                  </a:lnTo>
                  <a:lnTo>
                    <a:pt x="3789"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3" name="Google Shape;1180;p43">
              <a:extLst>
                <a:ext uri="{FF2B5EF4-FFF2-40B4-BE49-F238E27FC236}">
                  <a16:creationId xmlns:a16="http://schemas.microsoft.com/office/drawing/2014/main" xmlns="" id="{8FB20B73-FE57-1317-CC5B-EA7C3D1CCD98}"/>
                </a:ext>
              </a:extLst>
            </p:cNvPr>
            <p:cNvSpPr/>
            <p:nvPr/>
          </p:nvSpPr>
          <p:spPr>
            <a:xfrm>
              <a:off x="4138465" y="3524987"/>
              <a:ext cx="257832" cy="538936"/>
            </a:xfrm>
            <a:custGeom>
              <a:avLst/>
              <a:gdLst/>
              <a:ahLst/>
              <a:cxnLst/>
              <a:rect l="l" t="t" r="r" b="b"/>
              <a:pathLst>
                <a:path w="3789" h="7920" extrusionOk="0">
                  <a:moveTo>
                    <a:pt x="0" y="1"/>
                  </a:moveTo>
                  <a:lnTo>
                    <a:pt x="0" y="7920"/>
                  </a:lnTo>
                  <a:lnTo>
                    <a:pt x="3789" y="7920"/>
                  </a:lnTo>
                  <a:lnTo>
                    <a:pt x="1426"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4" name="Google Shape;1181;p43">
              <a:extLst>
                <a:ext uri="{FF2B5EF4-FFF2-40B4-BE49-F238E27FC236}">
                  <a16:creationId xmlns:a16="http://schemas.microsoft.com/office/drawing/2014/main" xmlns="" id="{A9DFFDC6-B08C-1CC2-0A07-A7D53870A027}"/>
                </a:ext>
              </a:extLst>
            </p:cNvPr>
            <p:cNvSpPr/>
            <p:nvPr/>
          </p:nvSpPr>
          <p:spPr>
            <a:xfrm>
              <a:off x="3447511" y="3018646"/>
              <a:ext cx="672581" cy="616919"/>
            </a:xfrm>
            <a:custGeom>
              <a:avLst/>
              <a:gdLst/>
              <a:ahLst/>
              <a:cxnLst/>
              <a:rect l="l" t="t" r="r" b="b"/>
              <a:pathLst>
                <a:path w="9884" h="9066" extrusionOk="0">
                  <a:moveTo>
                    <a:pt x="4918" y="0"/>
                  </a:moveTo>
                  <a:cubicBezTo>
                    <a:pt x="2717" y="0"/>
                    <a:pt x="932" y="1541"/>
                    <a:pt x="932" y="3442"/>
                  </a:cubicBezTo>
                  <a:lnTo>
                    <a:pt x="932" y="4651"/>
                  </a:lnTo>
                  <a:cubicBezTo>
                    <a:pt x="932" y="5201"/>
                    <a:pt x="570" y="5707"/>
                    <a:pt x="0" y="5933"/>
                  </a:cubicBezTo>
                  <a:cubicBezTo>
                    <a:pt x="101" y="6145"/>
                    <a:pt x="210" y="6355"/>
                    <a:pt x="341" y="6559"/>
                  </a:cubicBezTo>
                  <a:cubicBezTo>
                    <a:pt x="1364" y="8160"/>
                    <a:pt x="3143" y="9066"/>
                    <a:pt x="4964" y="9066"/>
                  </a:cubicBezTo>
                  <a:cubicBezTo>
                    <a:pt x="5699" y="9066"/>
                    <a:pt x="6441" y="8918"/>
                    <a:pt x="7143" y="8609"/>
                  </a:cubicBezTo>
                  <a:cubicBezTo>
                    <a:pt x="8404" y="8054"/>
                    <a:pt x="9342" y="7091"/>
                    <a:pt x="9883" y="5953"/>
                  </a:cubicBezTo>
                  <a:cubicBezTo>
                    <a:pt x="9285" y="5736"/>
                    <a:pt x="8903" y="5216"/>
                    <a:pt x="8903" y="4651"/>
                  </a:cubicBezTo>
                  <a:lnTo>
                    <a:pt x="8903" y="3560"/>
                  </a:lnTo>
                  <a:cubicBezTo>
                    <a:pt x="8903" y="1727"/>
                    <a:pt x="7300" y="126"/>
                    <a:pt x="5182" y="7"/>
                  </a:cubicBezTo>
                  <a:cubicBezTo>
                    <a:pt x="5094" y="2"/>
                    <a:pt x="5006" y="0"/>
                    <a:pt x="4918"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5" name="Google Shape;1182;p43">
              <a:extLst>
                <a:ext uri="{FF2B5EF4-FFF2-40B4-BE49-F238E27FC236}">
                  <a16:creationId xmlns:a16="http://schemas.microsoft.com/office/drawing/2014/main" xmlns="" id="{8D1DEE65-F321-76F6-8302-30F0DB4ED2A1}"/>
                </a:ext>
              </a:extLst>
            </p:cNvPr>
            <p:cNvSpPr/>
            <p:nvPr/>
          </p:nvSpPr>
          <p:spPr>
            <a:xfrm>
              <a:off x="3350611" y="3089891"/>
              <a:ext cx="863046" cy="976618"/>
            </a:xfrm>
            <a:custGeom>
              <a:avLst/>
              <a:gdLst/>
              <a:ahLst/>
              <a:cxnLst/>
              <a:rect l="l" t="t" r="r" b="b"/>
              <a:pathLst>
                <a:path w="12683" h="14352" extrusionOk="0">
                  <a:moveTo>
                    <a:pt x="6343" y="1"/>
                  </a:moveTo>
                  <a:cubicBezTo>
                    <a:pt x="4635" y="1"/>
                    <a:pt x="3250" y="1385"/>
                    <a:pt x="3250" y="3092"/>
                  </a:cubicBezTo>
                  <a:lnTo>
                    <a:pt x="3250" y="4177"/>
                  </a:lnTo>
                  <a:cubicBezTo>
                    <a:pt x="3250" y="4708"/>
                    <a:pt x="2928" y="5197"/>
                    <a:pt x="2428" y="5374"/>
                  </a:cubicBezTo>
                  <a:cubicBezTo>
                    <a:pt x="1013" y="5877"/>
                    <a:pt x="0" y="7226"/>
                    <a:pt x="0" y="8812"/>
                  </a:cubicBezTo>
                  <a:lnTo>
                    <a:pt x="0" y="14352"/>
                  </a:lnTo>
                  <a:lnTo>
                    <a:pt x="12682" y="14352"/>
                  </a:lnTo>
                  <a:lnTo>
                    <a:pt x="12682" y="8812"/>
                  </a:lnTo>
                  <a:cubicBezTo>
                    <a:pt x="12682" y="7226"/>
                    <a:pt x="11669" y="5876"/>
                    <a:pt x="10254" y="5374"/>
                  </a:cubicBezTo>
                  <a:cubicBezTo>
                    <a:pt x="9754" y="5197"/>
                    <a:pt x="9432" y="4708"/>
                    <a:pt x="9432" y="4177"/>
                  </a:cubicBezTo>
                  <a:lnTo>
                    <a:pt x="9432" y="3198"/>
                  </a:lnTo>
                  <a:cubicBezTo>
                    <a:pt x="9432" y="1552"/>
                    <a:pt x="8190" y="114"/>
                    <a:pt x="6547" y="8"/>
                  </a:cubicBezTo>
                  <a:cubicBezTo>
                    <a:pt x="6479" y="3"/>
                    <a:pt x="6411" y="1"/>
                    <a:pt x="6343"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6" name="Google Shape;1183;p43">
              <a:extLst>
                <a:ext uri="{FF2B5EF4-FFF2-40B4-BE49-F238E27FC236}">
                  <a16:creationId xmlns:a16="http://schemas.microsoft.com/office/drawing/2014/main" xmlns="" id="{BB5CC286-2A04-29ED-9513-4730BE742827}"/>
                </a:ext>
              </a:extLst>
            </p:cNvPr>
            <p:cNvSpPr/>
            <p:nvPr/>
          </p:nvSpPr>
          <p:spPr>
            <a:xfrm>
              <a:off x="3063519" y="4063855"/>
              <a:ext cx="1437163" cy="155080"/>
            </a:xfrm>
            <a:custGeom>
              <a:avLst/>
              <a:gdLst/>
              <a:ahLst/>
              <a:cxnLst/>
              <a:rect l="l" t="t" r="r" b="b"/>
              <a:pathLst>
                <a:path w="21120" h="2279" extrusionOk="0">
                  <a:moveTo>
                    <a:pt x="1" y="1"/>
                  </a:moveTo>
                  <a:lnTo>
                    <a:pt x="1" y="2279"/>
                  </a:lnTo>
                  <a:lnTo>
                    <a:pt x="21120" y="2279"/>
                  </a:lnTo>
                  <a:lnTo>
                    <a:pt x="21120"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7" name="Google Shape;1184;p43">
              <a:extLst>
                <a:ext uri="{FF2B5EF4-FFF2-40B4-BE49-F238E27FC236}">
                  <a16:creationId xmlns:a16="http://schemas.microsoft.com/office/drawing/2014/main" xmlns="" id="{1D1B211F-64B8-5F03-39CD-280995D9C63F}"/>
                </a:ext>
              </a:extLst>
            </p:cNvPr>
            <p:cNvSpPr/>
            <p:nvPr/>
          </p:nvSpPr>
          <p:spPr>
            <a:xfrm>
              <a:off x="3232549" y="4289297"/>
              <a:ext cx="1099035" cy="155080"/>
            </a:xfrm>
            <a:custGeom>
              <a:avLst/>
              <a:gdLst/>
              <a:ahLst/>
              <a:cxnLst/>
              <a:rect l="l" t="t" r="r" b="b"/>
              <a:pathLst>
                <a:path w="16151" h="2279" extrusionOk="0">
                  <a:moveTo>
                    <a:pt x="1" y="1"/>
                  </a:moveTo>
                  <a:lnTo>
                    <a:pt x="1212" y="2279"/>
                  </a:lnTo>
                  <a:lnTo>
                    <a:pt x="14940" y="2279"/>
                  </a:lnTo>
                  <a:lnTo>
                    <a:pt x="16151"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8" name="Google Shape;1185;p43">
              <a:extLst>
                <a:ext uri="{FF2B5EF4-FFF2-40B4-BE49-F238E27FC236}">
                  <a16:creationId xmlns:a16="http://schemas.microsoft.com/office/drawing/2014/main" xmlns="" id="{1BC1BA0D-6C86-6C6B-B0B3-D0AD6EFCFBDB}"/>
                </a:ext>
              </a:extLst>
            </p:cNvPr>
            <p:cNvSpPr/>
            <p:nvPr/>
          </p:nvSpPr>
          <p:spPr>
            <a:xfrm>
              <a:off x="3718680" y="3524987"/>
              <a:ext cx="126909" cy="538936"/>
            </a:xfrm>
            <a:custGeom>
              <a:avLst/>
              <a:gdLst/>
              <a:ahLst/>
              <a:cxnLst/>
              <a:rect l="l" t="t" r="r" b="b"/>
              <a:pathLst>
                <a:path w="1865" h="7920" extrusionOk="0">
                  <a:moveTo>
                    <a:pt x="0" y="1"/>
                  </a:moveTo>
                  <a:lnTo>
                    <a:pt x="0" y="7920"/>
                  </a:lnTo>
                  <a:lnTo>
                    <a:pt x="1864" y="7920"/>
                  </a:lnTo>
                  <a:lnTo>
                    <a:pt x="1864" y="1"/>
                  </a:lnTo>
                  <a:close/>
                </a:path>
              </a:pathLst>
            </a:custGeom>
            <a:solidFill>
              <a:srgbClr val="FFFFFF">
                <a:alpha val="2025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9" name="Google Shape;1186;p43">
              <a:extLst>
                <a:ext uri="{FF2B5EF4-FFF2-40B4-BE49-F238E27FC236}">
                  <a16:creationId xmlns:a16="http://schemas.microsoft.com/office/drawing/2014/main" xmlns="" id="{8FEEF2B4-C3F3-BC09-52AE-7DA6F667261B}"/>
                </a:ext>
              </a:extLst>
            </p:cNvPr>
            <p:cNvSpPr/>
            <p:nvPr/>
          </p:nvSpPr>
          <p:spPr>
            <a:xfrm>
              <a:off x="3845521" y="3524987"/>
              <a:ext cx="158483" cy="538936"/>
            </a:xfrm>
            <a:custGeom>
              <a:avLst/>
              <a:gdLst/>
              <a:ahLst/>
              <a:cxnLst/>
              <a:rect l="l" t="t" r="r" b="b"/>
              <a:pathLst>
                <a:path w="2329" h="7920" extrusionOk="0">
                  <a:moveTo>
                    <a:pt x="0" y="1"/>
                  </a:moveTo>
                  <a:lnTo>
                    <a:pt x="0" y="7920"/>
                  </a:lnTo>
                  <a:lnTo>
                    <a:pt x="2329" y="7920"/>
                  </a:lnTo>
                  <a:lnTo>
                    <a:pt x="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0" name="Google Shape;1187;p43">
              <a:extLst>
                <a:ext uri="{FF2B5EF4-FFF2-40B4-BE49-F238E27FC236}">
                  <a16:creationId xmlns:a16="http://schemas.microsoft.com/office/drawing/2014/main" xmlns="" id="{B7A9FCE8-3978-2593-6005-DA3F068D3D61}"/>
                </a:ext>
              </a:extLst>
            </p:cNvPr>
            <p:cNvSpPr/>
            <p:nvPr/>
          </p:nvSpPr>
          <p:spPr>
            <a:xfrm>
              <a:off x="3999104" y="3525123"/>
              <a:ext cx="124731" cy="124663"/>
            </a:xfrm>
            <a:custGeom>
              <a:avLst/>
              <a:gdLst/>
              <a:ahLst/>
              <a:cxnLst/>
              <a:rect l="l" t="t" r="r" b="b"/>
              <a:pathLst>
                <a:path w="1833" h="1832" extrusionOk="0">
                  <a:moveTo>
                    <a:pt x="916" y="1"/>
                  </a:moveTo>
                  <a:cubicBezTo>
                    <a:pt x="411" y="1"/>
                    <a:pt x="1" y="410"/>
                    <a:pt x="1" y="916"/>
                  </a:cubicBezTo>
                  <a:cubicBezTo>
                    <a:pt x="1" y="1422"/>
                    <a:pt x="411" y="1831"/>
                    <a:pt x="916" y="1831"/>
                  </a:cubicBezTo>
                  <a:cubicBezTo>
                    <a:pt x="1422" y="1831"/>
                    <a:pt x="1832" y="1421"/>
                    <a:pt x="1832" y="916"/>
                  </a:cubicBezTo>
                  <a:cubicBezTo>
                    <a:pt x="1832" y="410"/>
                    <a:pt x="1422" y="1"/>
                    <a:pt x="916"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1" name="Google Shape;1188;p43">
              <a:extLst>
                <a:ext uri="{FF2B5EF4-FFF2-40B4-BE49-F238E27FC236}">
                  <a16:creationId xmlns:a16="http://schemas.microsoft.com/office/drawing/2014/main" xmlns="" id="{423ADDBD-DEAB-2CF7-B9A7-7BEDC80F9A22}"/>
                </a:ext>
              </a:extLst>
            </p:cNvPr>
            <p:cNvSpPr/>
            <p:nvPr/>
          </p:nvSpPr>
          <p:spPr>
            <a:xfrm>
              <a:off x="4013326" y="3539277"/>
              <a:ext cx="96287" cy="96287"/>
            </a:xfrm>
            <a:custGeom>
              <a:avLst/>
              <a:gdLst/>
              <a:ahLst/>
              <a:cxnLst/>
              <a:rect l="l" t="t" r="r" b="b"/>
              <a:pathLst>
                <a:path w="1415" h="1415" extrusionOk="0">
                  <a:moveTo>
                    <a:pt x="707" y="0"/>
                  </a:moveTo>
                  <a:cubicBezTo>
                    <a:pt x="317" y="0"/>
                    <a:pt x="0" y="318"/>
                    <a:pt x="0" y="708"/>
                  </a:cubicBezTo>
                  <a:cubicBezTo>
                    <a:pt x="0" y="1098"/>
                    <a:pt x="318" y="1415"/>
                    <a:pt x="707" y="1415"/>
                  </a:cubicBezTo>
                  <a:cubicBezTo>
                    <a:pt x="1098" y="1415"/>
                    <a:pt x="1414" y="1098"/>
                    <a:pt x="1414" y="708"/>
                  </a:cubicBezTo>
                  <a:cubicBezTo>
                    <a:pt x="1414" y="318"/>
                    <a:pt x="1098" y="0"/>
                    <a:pt x="707"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2" name="Google Shape;1189;p43">
              <a:extLst>
                <a:ext uri="{FF2B5EF4-FFF2-40B4-BE49-F238E27FC236}">
                  <a16:creationId xmlns:a16="http://schemas.microsoft.com/office/drawing/2014/main" xmlns="" id="{17DBEB26-59AE-625D-7AF1-EA62594B6C56}"/>
                </a:ext>
              </a:extLst>
            </p:cNvPr>
            <p:cNvSpPr/>
            <p:nvPr/>
          </p:nvSpPr>
          <p:spPr>
            <a:xfrm>
              <a:off x="4027276" y="3557786"/>
              <a:ext cx="68388" cy="59269"/>
            </a:xfrm>
            <a:custGeom>
              <a:avLst/>
              <a:gdLst/>
              <a:ahLst/>
              <a:cxnLst/>
              <a:rect l="l" t="t" r="r" b="b"/>
              <a:pathLst>
                <a:path w="1005" h="871" extrusionOk="0">
                  <a:moveTo>
                    <a:pt x="251" y="0"/>
                  </a:moveTo>
                  <a:lnTo>
                    <a:pt x="0" y="436"/>
                  </a:lnTo>
                  <a:lnTo>
                    <a:pt x="251" y="871"/>
                  </a:lnTo>
                  <a:lnTo>
                    <a:pt x="754" y="871"/>
                  </a:lnTo>
                  <a:lnTo>
                    <a:pt x="1005" y="436"/>
                  </a:lnTo>
                  <a:lnTo>
                    <a:pt x="75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3" name="Google Shape;1190;p43">
              <a:extLst>
                <a:ext uri="{FF2B5EF4-FFF2-40B4-BE49-F238E27FC236}">
                  <a16:creationId xmlns:a16="http://schemas.microsoft.com/office/drawing/2014/main" xmlns="" id="{B75188D3-E24E-01BF-F76F-5C1C8337DE8D}"/>
                </a:ext>
              </a:extLst>
            </p:cNvPr>
            <p:cNvSpPr/>
            <p:nvPr/>
          </p:nvSpPr>
          <p:spPr>
            <a:xfrm>
              <a:off x="3999104" y="3858011"/>
              <a:ext cx="124731" cy="124595"/>
            </a:xfrm>
            <a:custGeom>
              <a:avLst/>
              <a:gdLst/>
              <a:ahLst/>
              <a:cxnLst/>
              <a:rect l="l" t="t" r="r" b="b"/>
              <a:pathLst>
                <a:path w="1833" h="1831" extrusionOk="0">
                  <a:moveTo>
                    <a:pt x="916" y="0"/>
                  </a:moveTo>
                  <a:cubicBezTo>
                    <a:pt x="411" y="0"/>
                    <a:pt x="1" y="409"/>
                    <a:pt x="1" y="916"/>
                  </a:cubicBezTo>
                  <a:cubicBezTo>
                    <a:pt x="1" y="1421"/>
                    <a:pt x="411" y="1831"/>
                    <a:pt x="916" y="1831"/>
                  </a:cubicBezTo>
                  <a:cubicBezTo>
                    <a:pt x="1422" y="1831"/>
                    <a:pt x="1832" y="1421"/>
                    <a:pt x="1832" y="916"/>
                  </a:cubicBezTo>
                  <a:cubicBezTo>
                    <a:pt x="1832" y="409"/>
                    <a:pt x="1422" y="0"/>
                    <a:pt x="916"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88" name="Google Shape;1191;p43">
              <a:extLst>
                <a:ext uri="{FF2B5EF4-FFF2-40B4-BE49-F238E27FC236}">
                  <a16:creationId xmlns:a16="http://schemas.microsoft.com/office/drawing/2014/main" xmlns="" id="{896F4589-1669-0E96-6853-78A0D516CC82}"/>
                </a:ext>
              </a:extLst>
            </p:cNvPr>
            <p:cNvSpPr/>
            <p:nvPr/>
          </p:nvSpPr>
          <p:spPr>
            <a:xfrm>
              <a:off x="4013326" y="3872165"/>
              <a:ext cx="96287" cy="96219"/>
            </a:xfrm>
            <a:custGeom>
              <a:avLst/>
              <a:gdLst/>
              <a:ahLst/>
              <a:cxnLst/>
              <a:rect l="l" t="t" r="r" b="b"/>
              <a:pathLst>
                <a:path w="1415" h="1414" extrusionOk="0">
                  <a:moveTo>
                    <a:pt x="707" y="1"/>
                  </a:moveTo>
                  <a:cubicBezTo>
                    <a:pt x="317" y="1"/>
                    <a:pt x="0" y="317"/>
                    <a:pt x="0" y="708"/>
                  </a:cubicBezTo>
                  <a:cubicBezTo>
                    <a:pt x="0" y="1098"/>
                    <a:pt x="318" y="1414"/>
                    <a:pt x="707" y="1414"/>
                  </a:cubicBezTo>
                  <a:cubicBezTo>
                    <a:pt x="1098" y="1414"/>
                    <a:pt x="1414" y="1098"/>
                    <a:pt x="1414" y="708"/>
                  </a:cubicBezTo>
                  <a:cubicBezTo>
                    <a:pt x="1414" y="317"/>
                    <a:pt x="1098" y="1"/>
                    <a:pt x="707"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89" name="Google Shape;1192;p43">
              <a:extLst>
                <a:ext uri="{FF2B5EF4-FFF2-40B4-BE49-F238E27FC236}">
                  <a16:creationId xmlns:a16="http://schemas.microsoft.com/office/drawing/2014/main" xmlns="" id="{6D09B903-F455-F6A2-4B4F-F2D24D30BF87}"/>
                </a:ext>
              </a:extLst>
            </p:cNvPr>
            <p:cNvSpPr/>
            <p:nvPr/>
          </p:nvSpPr>
          <p:spPr>
            <a:xfrm>
              <a:off x="4027276" y="3890674"/>
              <a:ext cx="68388" cy="59337"/>
            </a:xfrm>
            <a:custGeom>
              <a:avLst/>
              <a:gdLst/>
              <a:ahLst/>
              <a:cxnLst/>
              <a:rect l="l" t="t" r="r" b="b"/>
              <a:pathLst>
                <a:path w="1005" h="872" extrusionOk="0">
                  <a:moveTo>
                    <a:pt x="251" y="1"/>
                  </a:moveTo>
                  <a:lnTo>
                    <a:pt x="0" y="436"/>
                  </a:lnTo>
                  <a:lnTo>
                    <a:pt x="251" y="871"/>
                  </a:lnTo>
                  <a:lnTo>
                    <a:pt x="754" y="871"/>
                  </a:lnTo>
                  <a:lnTo>
                    <a:pt x="1005" y="436"/>
                  </a:lnTo>
                  <a:lnTo>
                    <a:pt x="754"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90" name="Google Shape;1193;p43">
              <a:extLst>
                <a:ext uri="{FF2B5EF4-FFF2-40B4-BE49-F238E27FC236}">
                  <a16:creationId xmlns:a16="http://schemas.microsoft.com/office/drawing/2014/main" xmlns="" id="{DC6C5EA0-42CD-DAF4-4D78-8B023616FB2E}"/>
                </a:ext>
              </a:extLst>
            </p:cNvPr>
            <p:cNvSpPr/>
            <p:nvPr/>
          </p:nvSpPr>
          <p:spPr>
            <a:xfrm>
              <a:off x="3440434" y="3525055"/>
              <a:ext cx="124595" cy="124731"/>
            </a:xfrm>
            <a:custGeom>
              <a:avLst/>
              <a:gdLst/>
              <a:ahLst/>
              <a:cxnLst/>
              <a:rect l="l" t="t" r="r" b="b"/>
              <a:pathLst>
                <a:path w="1831" h="1833" extrusionOk="0">
                  <a:moveTo>
                    <a:pt x="916" y="1"/>
                  </a:moveTo>
                  <a:cubicBezTo>
                    <a:pt x="410" y="1"/>
                    <a:pt x="0" y="411"/>
                    <a:pt x="0" y="917"/>
                  </a:cubicBezTo>
                  <a:cubicBezTo>
                    <a:pt x="0" y="1422"/>
                    <a:pt x="410" y="1832"/>
                    <a:pt x="916" y="1832"/>
                  </a:cubicBezTo>
                  <a:cubicBezTo>
                    <a:pt x="1421" y="1832"/>
                    <a:pt x="1831" y="1422"/>
                    <a:pt x="1831" y="917"/>
                  </a:cubicBezTo>
                  <a:cubicBezTo>
                    <a:pt x="1831" y="411"/>
                    <a:pt x="1421" y="1"/>
                    <a:pt x="916"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91" name="Google Shape;1194;p43">
              <a:extLst>
                <a:ext uri="{FF2B5EF4-FFF2-40B4-BE49-F238E27FC236}">
                  <a16:creationId xmlns:a16="http://schemas.microsoft.com/office/drawing/2014/main" xmlns="" id="{10D4C156-B75B-E467-89FA-9D932499875B}"/>
                </a:ext>
              </a:extLst>
            </p:cNvPr>
            <p:cNvSpPr/>
            <p:nvPr/>
          </p:nvSpPr>
          <p:spPr>
            <a:xfrm>
              <a:off x="3454588" y="3539277"/>
              <a:ext cx="96287" cy="96287"/>
            </a:xfrm>
            <a:custGeom>
              <a:avLst/>
              <a:gdLst/>
              <a:ahLst/>
              <a:cxnLst/>
              <a:rect l="l" t="t" r="r" b="b"/>
              <a:pathLst>
                <a:path w="1415" h="1415" extrusionOk="0">
                  <a:moveTo>
                    <a:pt x="708" y="0"/>
                  </a:moveTo>
                  <a:cubicBezTo>
                    <a:pt x="317" y="0"/>
                    <a:pt x="1" y="318"/>
                    <a:pt x="1" y="708"/>
                  </a:cubicBezTo>
                  <a:cubicBezTo>
                    <a:pt x="1" y="1098"/>
                    <a:pt x="317" y="1415"/>
                    <a:pt x="708" y="1415"/>
                  </a:cubicBezTo>
                  <a:cubicBezTo>
                    <a:pt x="1098" y="1415"/>
                    <a:pt x="1415" y="1098"/>
                    <a:pt x="1415" y="708"/>
                  </a:cubicBezTo>
                  <a:cubicBezTo>
                    <a:pt x="1415" y="318"/>
                    <a:pt x="1098" y="0"/>
                    <a:pt x="708"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92" name="Google Shape;1195;p43">
              <a:extLst>
                <a:ext uri="{FF2B5EF4-FFF2-40B4-BE49-F238E27FC236}">
                  <a16:creationId xmlns:a16="http://schemas.microsoft.com/office/drawing/2014/main" xmlns="" id="{A7F25DA5-CAE1-26C2-01E2-93C1CD7BC568}"/>
                </a:ext>
              </a:extLst>
            </p:cNvPr>
            <p:cNvSpPr/>
            <p:nvPr/>
          </p:nvSpPr>
          <p:spPr>
            <a:xfrm>
              <a:off x="3468538" y="3557786"/>
              <a:ext cx="68456" cy="59269"/>
            </a:xfrm>
            <a:custGeom>
              <a:avLst/>
              <a:gdLst/>
              <a:ahLst/>
              <a:cxnLst/>
              <a:rect l="l" t="t" r="r" b="b"/>
              <a:pathLst>
                <a:path w="1006" h="871" extrusionOk="0">
                  <a:moveTo>
                    <a:pt x="252" y="0"/>
                  </a:moveTo>
                  <a:lnTo>
                    <a:pt x="1" y="436"/>
                  </a:lnTo>
                  <a:lnTo>
                    <a:pt x="252" y="871"/>
                  </a:lnTo>
                  <a:lnTo>
                    <a:pt x="754" y="871"/>
                  </a:lnTo>
                  <a:lnTo>
                    <a:pt x="1005" y="436"/>
                  </a:lnTo>
                  <a:lnTo>
                    <a:pt x="754"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93" name="Google Shape;1196;p43">
              <a:extLst>
                <a:ext uri="{FF2B5EF4-FFF2-40B4-BE49-F238E27FC236}">
                  <a16:creationId xmlns:a16="http://schemas.microsoft.com/office/drawing/2014/main" xmlns="" id="{EBE46514-2229-26AF-E590-0CDC901BEE0A}"/>
                </a:ext>
              </a:extLst>
            </p:cNvPr>
            <p:cNvSpPr/>
            <p:nvPr/>
          </p:nvSpPr>
          <p:spPr>
            <a:xfrm>
              <a:off x="3440434" y="3858011"/>
              <a:ext cx="124595" cy="124595"/>
            </a:xfrm>
            <a:custGeom>
              <a:avLst/>
              <a:gdLst/>
              <a:ahLst/>
              <a:cxnLst/>
              <a:rect l="l" t="t" r="r" b="b"/>
              <a:pathLst>
                <a:path w="1831" h="1831" extrusionOk="0">
                  <a:moveTo>
                    <a:pt x="916" y="0"/>
                  </a:moveTo>
                  <a:cubicBezTo>
                    <a:pt x="409" y="0"/>
                    <a:pt x="0" y="409"/>
                    <a:pt x="0" y="916"/>
                  </a:cubicBezTo>
                  <a:cubicBezTo>
                    <a:pt x="0" y="1421"/>
                    <a:pt x="409" y="1831"/>
                    <a:pt x="916" y="1831"/>
                  </a:cubicBezTo>
                  <a:cubicBezTo>
                    <a:pt x="1421" y="1831"/>
                    <a:pt x="1831" y="1421"/>
                    <a:pt x="1831" y="916"/>
                  </a:cubicBezTo>
                  <a:cubicBezTo>
                    <a:pt x="1831" y="409"/>
                    <a:pt x="1421" y="0"/>
                    <a:pt x="916"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94" name="Google Shape;1197;p43">
              <a:extLst>
                <a:ext uri="{FF2B5EF4-FFF2-40B4-BE49-F238E27FC236}">
                  <a16:creationId xmlns:a16="http://schemas.microsoft.com/office/drawing/2014/main" xmlns="" id="{C4E40D8E-1A6F-566C-A1E0-0FCE5A1ED92E}"/>
                </a:ext>
              </a:extLst>
            </p:cNvPr>
            <p:cNvSpPr/>
            <p:nvPr/>
          </p:nvSpPr>
          <p:spPr>
            <a:xfrm>
              <a:off x="3454588" y="3872165"/>
              <a:ext cx="96287" cy="96219"/>
            </a:xfrm>
            <a:custGeom>
              <a:avLst/>
              <a:gdLst/>
              <a:ahLst/>
              <a:cxnLst/>
              <a:rect l="l" t="t" r="r" b="b"/>
              <a:pathLst>
                <a:path w="1415" h="1414" extrusionOk="0">
                  <a:moveTo>
                    <a:pt x="708" y="1"/>
                  </a:moveTo>
                  <a:cubicBezTo>
                    <a:pt x="317" y="1"/>
                    <a:pt x="1" y="317"/>
                    <a:pt x="1" y="708"/>
                  </a:cubicBezTo>
                  <a:cubicBezTo>
                    <a:pt x="1" y="1098"/>
                    <a:pt x="317" y="1414"/>
                    <a:pt x="708" y="1414"/>
                  </a:cubicBezTo>
                  <a:cubicBezTo>
                    <a:pt x="1098" y="1414"/>
                    <a:pt x="1415" y="1098"/>
                    <a:pt x="1415" y="708"/>
                  </a:cubicBezTo>
                  <a:cubicBezTo>
                    <a:pt x="1415" y="317"/>
                    <a:pt x="1098" y="1"/>
                    <a:pt x="708"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95" name="Google Shape;1198;p43">
              <a:extLst>
                <a:ext uri="{FF2B5EF4-FFF2-40B4-BE49-F238E27FC236}">
                  <a16:creationId xmlns:a16="http://schemas.microsoft.com/office/drawing/2014/main" xmlns="" id="{C7303538-E07F-0C06-369A-6843682676C4}"/>
                </a:ext>
              </a:extLst>
            </p:cNvPr>
            <p:cNvSpPr/>
            <p:nvPr/>
          </p:nvSpPr>
          <p:spPr>
            <a:xfrm>
              <a:off x="3468538" y="3890674"/>
              <a:ext cx="68456" cy="59337"/>
            </a:xfrm>
            <a:custGeom>
              <a:avLst/>
              <a:gdLst/>
              <a:ahLst/>
              <a:cxnLst/>
              <a:rect l="l" t="t" r="r" b="b"/>
              <a:pathLst>
                <a:path w="1006" h="872" extrusionOk="0">
                  <a:moveTo>
                    <a:pt x="252" y="1"/>
                  </a:moveTo>
                  <a:lnTo>
                    <a:pt x="1" y="436"/>
                  </a:lnTo>
                  <a:lnTo>
                    <a:pt x="252" y="871"/>
                  </a:lnTo>
                  <a:lnTo>
                    <a:pt x="754" y="871"/>
                  </a:lnTo>
                  <a:lnTo>
                    <a:pt x="1005" y="436"/>
                  </a:lnTo>
                  <a:lnTo>
                    <a:pt x="754"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96" name="Google Shape;1199;p43">
              <a:extLst>
                <a:ext uri="{FF2B5EF4-FFF2-40B4-BE49-F238E27FC236}">
                  <a16:creationId xmlns:a16="http://schemas.microsoft.com/office/drawing/2014/main" xmlns="" id="{1A006A04-19A9-5A33-A340-32DFF88D1342}"/>
                </a:ext>
              </a:extLst>
            </p:cNvPr>
            <p:cNvSpPr/>
            <p:nvPr/>
          </p:nvSpPr>
          <p:spPr>
            <a:xfrm>
              <a:off x="2962128" y="4546448"/>
              <a:ext cx="1668253" cy="355888"/>
            </a:xfrm>
            <a:custGeom>
              <a:avLst/>
              <a:gdLst/>
              <a:ahLst/>
              <a:cxnLst/>
              <a:rect l="l" t="t" r="r" b="b"/>
              <a:pathLst>
                <a:path w="24516" h="5230" extrusionOk="0">
                  <a:moveTo>
                    <a:pt x="5186" y="1"/>
                  </a:moveTo>
                  <a:lnTo>
                    <a:pt x="0" y="2615"/>
                  </a:lnTo>
                  <a:lnTo>
                    <a:pt x="2" y="5229"/>
                  </a:lnTo>
                  <a:lnTo>
                    <a:pt x="24516" y="5229"/>
                  </a:lnTo>
                  <a:lnTo>
                    <a:pt x="24515" y="2615"/>
                  </a:lnTo>
                  <a:lnTo>
                    <a:pt x="18914"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97" name="Google Shape;1200;p43">
              <a:extLst>
                <a:ext uri="{FF2B5EF4-FFF2-40B4-BE49-F238E27FC236}">
                  <a16:creationId xmlns:a16="http://schemas.microsoft.com/office/drawing/2014/main" xmlns="" id="{D2C20883-E659-CC21-AC80-EE802DB7A48C}"/>
                </a:ext>
              </a:extLst>
            </p:cNvPr>
            <p:cNvSpPr/>
            <p:nvPr/>
          </p:nvSpPr>
          <p:spPr>
            <a:xfrm>
              <a:off x="3315022" y="4444241"/>
              <a:ext cx="934224" cy="102275"/>
            </a:xfrm>
            <a:custGeom>
              <a:avLst/>
              <a:gdLst/>
              <a:ahLst/>
              <a:cxnLst/>
              <a:rect l="l" t="t" r="r" b="b"/>
              <a:pathLst>
                <a:path w="13729" h="1503" extrusionOk="0">
                  <a:moveTo>
                    <a:pt x="0" y="1"/>
                  </a:moveTo>
                  <a:lnTo>
                    <a:pt x="0" y="1503"/>
                  </a:lnTo>
                  <a:lnTo>
                    <a:pt x="13728" y="1503"/>
                  </a:lnTo>
                  <a:lnTo>
                    <a:pt x="13728"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00" name="Google Shape;1201;p43">
              <a:extLst>
                <a:ext uri="{FF2B5EF4-FFF2-40B4-BE49-F238E27FC236}">
                  <a16:creationId xmlns:a16="http://schemas.microsoft.com/office/drawing/2014/main" xmlns="" id="{0B1364FF-A6F5-826B-3295-FB60E484DE7A}"/>
                </a:ext>
              </a:extLst>
            </p:cNvPr>
            <p:cNvSpPr/>
            <p:nvPr/>
          </p:nvSpPr>
          <p:spPr>
            <a:xfrm>
              <a:off x="3658526" y="3171889"/>
              <a:ext cx="247149" cy="247149"/>
            </a:xfrm>
            <a:custGeom>
              <a:avLst/>
              <a:gdLst/>
              <a:ahLst/>
              <a:cxnLst/>
              <a:rect l="l" t="t" r="r" b="b"/>
              <a:pathLst>
                <a:path w="3632" h="3632" extrusionOk="0">
                  <a:moveTo>
                    <a:pt x="1816" y="1"/>
                  </a:moveTo>
                  <a:cubicBezTo>
                    <a:pt x="813" y="1"/>
                    <a:pt x="1" y="813"/>
                    <a:pt x="1" y="1816"/>
                  </a:cubicBezTo>
                  <a:cubicBezTo>
                    <a:pt x="1" y="2819"/>
                    <a:pt x="813" y="3632"/>
                    <a:pt x="1816" y="3632"/>
                  </a:cubicBezTo>
                  <a:cubicBezTo>
                    <a:pt x="2819" y="3632"/>
                    <a:pt x="3632" y="2819"/>
                    <a:pt x="3632" y="1816"/>
                  </a:cubicBezTo>
                  <a:cubicBezTo>
                    <a:pt x="3632" y="813"/>
                    <a:pt x="2819" y="1"/>
                    <a:pt x="1816" y="1"/>
                  </a:cubicBez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01" name="Google Shape;1202;p43">
              <a:extLst>
                <a:ext uri="{FF2B5EF4-FFF2-40B4-BE49-F238E27FC236}">
                  <a16:creationId xmlns:a16="http://schemas.microsoft.com/office/drawing/2014/main" xmlns="" id="{30DC1CB5-1285-1A05-4368-1DCF9416A0B8}"/>
                </a:ext>
              </a:extLst>
            </p:cNvPr>
            <p:cNvSpPr/>
            <p:nvPr/>
          </p:nvSpPr>
          <p:spPr>
            <a:xfrm>
              <a:off x="3279502" y="4218867"/>
              <a:ext cx="1005266" cy="70497"/>
            </a:xfrm>
            <a:custGeom>
              <a:avLst/>
              <a:gdLst/>
              <a:ahLst/>
              <a:cxnLst/>
              <a:rect l="l" t="t" r="r" b="b"/>
              <a:pathLst>
                <a:path w="14773" h="1036" extrusionOk="0">
                  <a:moveTo>
                    <a:pt x="0" y="1"/>
                  </a:moveTo>
                  <a:lnTo>
                    <a:pt x="0" y="1036"/>
                  </a:lnTo>
                  <a:lnTo>
                    <a:pt x="14772" y="1036"/>
                  </a:lnTo>
                  <a:lnTo>
                    <a:pt x="14772" y="1"/>
                  </a:ln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02" name="Google Shape;1203;p43">
              <a:extLst>
                <a:ext uri="{FF2B5EF4-FFF2-40B4-BE49-F238E27FC236}">
                  <a16:creationId xmlns:a16="http://schemas.microsoft.com/office/drawing/2014/main" xmlns="" id="{E01A9004-545C-7852-2E43-2A1E7D793C9F}"/>
                </a:ext>
              </a:extLst>
            </p:cNvPr>
            <p:cNvSpPr/>
            <p:nvPr/>
          </p:nvSpPr>
          <p:spPr>
            <a:xfrm>
              <a:off x="3301073" y="4232069"/>
              <a:ext cx="18985" cy="44095"/>
            </a:xfrm>
            <a:custGeom>
              <a:avLst/>
              <a:gdLst/>
              <a:ahLst/>
              <a:cxnLst/>
              <a:rect l="l" t="t" r="r" b="b"/>
              <a:pathLst>
                <a:path w="279" h="648" extrusionOk="0">
                  <a:moveTo>
                    <a:pt x="139" y="0"/>
                  </a:moveTo>
                  <a:cubicBezTo>
                    <a:pt x="62" y="0"/>
                    <a:pt x="0" y="63"/>
                    <a:pt x="0" y="140"/>
                  </a:cubicBezTo>
                  <a:lnTo>
                    <a:pt x="0" y="509"/>
                  </a:lnTo>
                  <a:cubicBezTo>
                    <a:pt x="0" y="585"/>
                    <a:pt x="62" y="647"/>
                    <a:pt x="139" y="647"/>
                  </a:cubicBezTo>
                  <a:cubicBezTo>
                    <a:pt x="216" y="647"/>
                    <a:pt x="278" y="585"/>
                    <a:pt x="278" y="509"/>
                  </a:cubicBezTo>
                  <a:lnTo>
                    <a:pt x="278" y="140"/>
                  </a:lnTo>
                  <a:cubicBezTo>
                    <a:pt x="278" y="63"/>
                    <a:pt x="216" y="0"/>
                    <a:pt x="139"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03" name="Google Shape;1204;p43">
              <a:extLst>
                <a:ext uri="{FF2B5EF4-FFF2-40B4-BE49-F238E27FC236}">
                  <a16:creationId xmlns:a16="http://schemas.microsoft.com/office/drawing/2014/main" xmlns="" id="{5057185A-EB10-F8E2-FB94-5A71F48ABB8A}"/>
                </a:ext>
              </a:extLst>
            </p:cNvPr>
            <p:cNvSpPr/>
            <p:nvPr/>
          </p:nvSpPr>
          <p:spPr>
            <a:xfrm>
              <a:off x="3356463" y="4232069"/>
              <a:ext cx="19053" cy="44095"/>
            </a:xfrm>
            <a:custGeom>
              <a:avLst/>
              <a:gdLst/>
              <a:ahLst/>
              <a:cxnLst/>
              <a:rect l="l" t="t" r="r" b="b"/>
              <a:pathLst>
                <a:path w="280" h="648" extrusionOk="0">
                  <a:moveTo>
                    <a:pt x="140" y="0"/>
                  </a:moveTo>
                  <a:cubicBezTo>
                    <a:pt x="64" y="0"/>
                    <a:pt x="1" y="63"/>
                    <a:pt x="1" y="140"/>
                  </a:cubicBezTo>
                  <a:lnTo>
                    <a:pt x="1" y="509"/>
                  </a:lnTo>
                  <a:cubicBezTo>
                    <a:pt x="1" y="585"/>
                    <a:pt x="64" y="647"/>
                    <a:pt x="140" y="647"/>
                  </a:cubicBezTo>
                  <a:cubicBezTo>
                    <a:pt x="217" y="647"/>
                    <a:pt x="280" y="585"/>
                    <a:pt x="280" y="509"/>
                  </a:cubicBezTo>
                  <a:lnTo>
                    <a:pt x="280" y="140"/>
                  </a:lnTo>
                  <a:cubicBezTo>
                    <a:pt x="280" y="63"/>
                    <a:pt x="218"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04" name="Google Shape;1205;p43">
              <a:extLst>
                <a:ext uri="{FF2B5EF4-FFF2-40B4-BE49-F238E27FC236}">
                  <a16:creationId xmlns:a16="http://schemas.microsoft.com/office/drawing/2014/main" xmlns="" id="{B5000C31-7F9A-B63D-F59B-19FFD59A5D20}"/>
                </a:ext>
              </a:extLst>
            </p:cNvPr>
            <p:cNvSpPr/>
            <p:nvPr/>
          </p:nvSpPr>
          <p:spPr>
            <a:xfrm>
              <a:off x="3411990" y="4232069"/>
              <a:ext cx="18985" cy="44095"/>
            </a:xfrm>
            <a:custGeom>
              <a:avLst/>
              <a:gdLst/>
              <a:ahLst/>
              <a:cxnLst/>
              <a:rect l="l" t="t" r="r" b="b"/>
              <a:pathLst>
                <a:path w="279" h="648" extrusionOk="0">
                  <a:moveTo>
                    <a:pt x="140" y="0"/>
                  </a:moveTo>
                  <a:cubicBezTo>
                    <a:pt x="62" y="0"/>
                    <a:pt x="0" y="63"/>
                    <a:pt x="0" y="140"/>
                  </a:cubicBezTo>
                  <a:lnTo>
                    <a:pt x="0" y="509"/>
                  </a:lnTo>
                  <a:cubicBezTo>
                    <a:pt x="0" y="585"/>
                    <a:pt x="62" y="647"/>
                    <a:pt x="140" y="647"/>
                  </a:cubicBezTo>
                  <a:cubicBezTo>
                    <a:pt x="216" y="647"/>
                    <a:pt x="279" y="585"/>
                    <a:pt x="279" y="509"/>
                  </a:cubicBezTo>
                  <a:lnTo>
                    <a:pt x="279" y="140"/>
                  </a:lnTo>
                  <a:cubicBezTo>
                    <a:pt x="279" y="63"/>
                    <a:pt x="216"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05" name="Google Shape;1206;p43">
              <a:extLst>
                <a:ext uri="{FF2B5EF4-FFF2-40B4-BE49-F238E27FC236}">
                  <a16:creationId xmlns:a16="http://schemas.microsoft.com/office/drawing/2014/main" xmlns="" id="{E3A154C7-8B50-0376-69E9-523719FF74DC}"/>
                </a:ext>
              </a:extLst>
            </p:cNvPr>
            <p:cNvSpPr/>
            <p:nvPr/>
          </p:nvSpPr>
          <p:spPr>
            <a:xfrm>
              <a:off x="3467517" y="4232069"/>
              <a:ext cx="18985" cy="44095"/>
            </a:xfrm>
            <a:custGeom>
              <a:avLst/>
              <a:gdLst/>
              <a:ahLst/>
              <a:cxnLst/>
              <a:rect l="l" t="t" r="r" b="b"/>
              <a:pathLst>
                <a:path w="279" h="648" extrusionOk="0">
                  <a:moveTo>
                    <a:pt x="140" y="0"/>
                  </a:moveTo>
                  <a:cubicBezTo>
                    <a:pt x="62" y="0"/>
                    <a:pt x="0" y="63"/>
                    <a:pt x="0" y="140"/>
                  </a:cubicBezTo>
                  <a:lnTo>
                    <a:pt x="0" y="509"/>
                  </a:lnTo>
                  <a:cubicBezTo>
                    <a:pt x="0" y="585"/>
                    <a:pt x="62" y="647"/>
                    <a:pt x="140" y="647"/>
                  </a:cubicBezTo>
                  <a:cubicBezTo>
                    <a:pt x="216" y="647"/>
                    <a:pt x="278" y="585"/>
                    <a:pt x="278" y="509"/>
                  </a:cubicBezTo>
                  <a:lnTo>
                    <a:pt x="278" y="140"/>
                  </a:lnTo>
                  <a:cubicBezTo>
                    <a:pt x="278" y="63"/>
                    <a:pt x="216"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06" name="Google Shape;1207;p43">
              <a:extLst>
                <a:ext uri="{FF2B5EF4-FFF2-40B4-BE49-F238E27FC236}">
                  <a16:creationId xmlns:a16="http://schemas.microsoft.com/office/drawing/2014/main" xmlns="" id="{7C464947-0B89-B880-60DE-C70077AD3F64}"/>
                </a:ext>
              </a:extLst>
            </p:cNvPr>
            <p:cNvSpPr/>
            <p:nvPr/>
          </p:nvSpPr>
          <p:spPr>
            <a:xfrm>
              <a:off x="3522976" y="4232069"/>
              <a:ext cx="18985" cy="44095"/>
            </a:xfrm>
            <a:custGeom>
              <a:avLst/>
              <a:gdLst/>
              <a:ahLst/>
              <a:cxnLst/>
              <a:rect l="l" t="t" r="r" b="b"/>
              <a:pathLst>
                <a:path w="279" h="648" extrusionOk="0">
                  <a:moveTo>
                    <a:pt x="139" y="0"/>
                  </a:moveTo>
                  <a:cubicBezTo>
                    <a:pt x="63" y="0"/>
                    <a:pt x="1" y="63"/>
                    <a:pt x="1" y="140"/>
                  </a:cubicBezTo>
                  <a:lnTo>
                    <a:pt x="1" y="509"/>
                  </a:lnTo>
                  <a:cubicBezTo>
                    <a:pt x="1" y="585"/>
                    <a:pt x="63" y="647"/>
                    <a:pt x="139" y="647"/>
                  </a:cubicBezTo>
                  <a:cubicBezTo>
                    <a:pt x="216" y="647"/>
                    <a:pt x="279" y="585"/>
                    <a:pt x="279" y="509"/>
                  </a:cubicBezTo>
                  <a:lnTo>
                    <a:pt x="279" y="140"/>
                  </a:lnTo>
                  <a:cubicBezTo>
                    <a:pt x="279" y="63"/>
                    <a:pt x="217" y="0"/>
                    <a:pt x="139"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07" name="Google Shape;1208;p43">
              <a:extLst>
                <a:ext uri="{FF2B5EF4-FFF2-40B4-BE49-F238E27FC236}">
                  <a16:creationId xmlns:a16="http://schemas.microsoft.com/office/drawing/2014/main" xmlns="" id="{5EEB1638-E66A-B064-63B8-D4CB75CE54EF}"/>
                </a:ext>
              </a:extLst>
            </p:cNvPr>
            <p:cNvSpPr/>
            <p:nvPr/>
          </p:nvSpPr>
          <p:spPr>
            <a:xfrm>
              <a:off x="3578434" y="4232069"/>
              <a:ext cx="19053" cy="44095"/>
            </a:xfrm>
            <a:custGeom>
              <a:avLst/>
              <a:gdLst/>
              <a:ahLst/>
              <a:cxnLst/>
              <a:rect l="l" t="t" r="r" b="b"/>
              <a:pathLst>
                <a:path w="280" h="648" extrusionOk="0">
                  <a:moveTo>
                    <a:pt x="140" y="0"/>
                  </a:moveTo>
                  <a:cubicBezTo>
                    <a:pt x="63" y="0"/>
                    <a:pt x="0" y="63"/>
                    <a:pt x="0" y="140"/>
                  </a:cubicBezTo>
                  <a:lnTo>
                    <a:pt x="0" y="509"/>
                  </a:lnTo>
                  <a:cubicBezTo>
                    <a:pt x="0" y="585"/>
                    <a:pt x="63" y="647"/>
                    <a:pt x="140" y="647"/>
                  </a:cubicBezTo>
                  <a:cubicBezTo>
                    <a:pt x="216" y="647"/>
                    <a:pt x="278" y="585"/>
                    <a:pt x="279" y="509"/>
                  </a:cubicBezTo>
                  <a:lnTo>
                    <a:pt x="279" y="140"/>
                  </a:lnTo>
                  <a:cubicBezTo>
                    <a:pt x="279" y="63"/>
                    <a:pt x="216"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08" name="Google Shape;1209;p43">
              <a:extLst>
                <a:ext uri="{FF2B5EF4-FFF2-40B4-BE49-F238E27FC236}">
                  <a16:creationId xmlns:a16="http://schemas.microsoft.com/office/drawing/2014/main" xmlns="" id="{58E23F13-6A45-8939-D09B-F6E02AE57828}"/>
                </a:ext>
              </a:extLst>
            </p:cNvPr>
            <p:cNvSpPr/>
            <p:nvPr/>
          </p:nvSpPr>
          <p:spPr>
            <a:xfrm>
              <a:off x="3633893" y="4232069"/>
              <a:ext cx="18985" cy="44095"/>
            </a:xfrm>
            <a:custGeom>
              <a:avLst/>
              <a:gdLst/>
              <a:ahLst/>
              <a:cxnLst/>
              <a:rect l="l" t="t" r="r" b="b"/>
              <a:pathLst>
                <a:path w="279" h="648" extrusionOk="0">
                  <a:moveTo>
                    <a:pt x="140" y="0"/>
                  </a:moveTo>
                  <a:cubicBezTo>
                    <a:pt x="63" y="0"/>
                    <a:pt x="1" y="63"/>
                    <a:pt x="1" y="140"/>
                  </a:cubicBezTo>
                  <a:lnTo>
                    <a:pt x="1" y="509"/>
                  </a:lnTo>
                  <a:cubicBezTo>
                    <a:pt x="1" y="585"/>
                    <a:pt x="63" y="647"/>
                    <a:pt x="140" y="647"/>
                  </a:cubicBezTo>
                  <a:cubicBezTo>
                    <a:pt x="217" y="647"/>
                    <a:pt x="279" y="585"/>
                    <a:pt x="279" y="509"/>
                  </a:cubicBezTo>
                  <a:lnTo>
                    <a:pt x="279" y="140"/>
                  </a:lnTo>
                  <a:cubicBezTo>
                    <a:pt x="279" y="63"/>
                    <a:pt x="217"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09" name="Google Shape;1210;p43">
              <a:extLst>
                <a:ext uri="{FF2B5EF4-FFF2-40B4-BE49-F238E27FC236}">
                  <a16:creationId xmlns:a16="http://schemas.microsoft.com/office/drawing/2014/main" xmlns="" id="{D4855856-344A-1B74-1DB4-8D1629036739}"/>
                </a:ext>
              </a:extLst>
            </p:cNvPr>
            <p:cNvSpPr/>
            <p:nvPr/>
          </p:nvSpPr>
          <p:spPr>
            <a:xfrm>
              <a:off x="3689420" y="4232069"/>
              <a:ext cx="18985" cy="44095"/>
            </a:xfrm>
            <a:custGeom>
              <a:avLst/>
              <a:gdLst/>
              <a:ahLst/>
              <a:cxnLst/>
              <a:rect l="l" t="t" r="r" b="b"/>
              <a:pathLst>
                <a:path w="279" h="648" extrusionOk="0">
                  <a:moveTo>
                    <a:pt x="139" y="0"/>
                  </a:moveTo>
                  <a:cubicBezTo>
                    <a:pt x="62" y="0"/>
                    <a:pt x="0" y="63"/>
                    <a:pt x="0" y="140"/>
                  </a:cubicBezTo>
                  <a:lnTo>
                    <a:pt x="0" y="509"/>
                  </a:lnTo>
                  <a:cubicBezTo>
                    <a:pt x="0" y="585"/>
                    <a:pt x="62" y="647"/>
                    <a:pt x="139" y="647"/>
                  </a:cubicBezTo>
                  <a:cubicBezTo>
                    <a:pt x="216" y="647"/>
                    <a:pt x="278" y="585"/>
                    <a:pt x="278" y="509"/>
                  </a:cubicBezTo>
                  <a:lnTo>
                    <a:pt x="278" y="140"/>
                  </a:lnTo>
                  <a:cubicBezTo>
                    <a:pt x="278" y="63"/>
                    <a:pt x="216" y="0"/>
                    <a:pt x="139"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10" name="Google Shape;1211;p43">
              <a:extLst>
                <a:ext uri="{FF2B5EF4-FFF2-40B4-BE49-F238E27FC236}">
                  <a16:creationId xmlns:a16="http://schemas.microsoft.com/office/drawing/2014/main" xmlns="" id="{B7D51342-ADDB-F3CA-9BA1-13A440A080C7}"/>
                </a:ext>
              </a:extLst>
            </p:cNvPr>
            <p:cNvSpPr/>
            <p:nvPr/>
          </p:nvSpPr>
          <p:spPr>
            <a:xfrm>
              <a:off x="3744810" y="4232069"/>
              <a:ext cx="19053" cy="44095"/>
            </a:xfrm>
            <a:custGeom>
              <a:avLst/>
              <a:gdLst/>
              <a:ahLst/>
              <a:cxnLst/>
              <a:rect l="l" t="t" r="r" b="b"/>
              <a:pathLst>
                <a:path w="280" h="648" extrusionOk="0">
                  <a:moveTo>
                    <a:pt x="140" y="0"/>
                  </a:moveTo>
                  <a:cubicBezTo>
                    <a:pt x="64" y="0"/>
                    <a:pt x="1" y="63"/>
                    <a:pt x="1" y="140"/>
                  </a:cubicBezTo>
                  <a:lnTo>
                    <a:pt x="1" y="509"/>
                  </a:lnTo>
                  <a:cubicBezTo>
                    <a:pt x="1" y="585"/>
                    <a:pt x="64" y="647"/>
                    <a:pt x="140" y="647"/>
                  </a:cubicBezTo>
                  <a:cubicBezTo>
                    <a:pt x="217" y="647"/>
                    <a:pt x="280" y="585"/>
                    <a:pt x="280" y="509"/>
                  </a:cubicBezTo>
                  <a:lnTo>
                    <a:pt x="280" y="140"/>
                  </a:lnTo>
                  <a:cubicBezTo>
                    <a:pt x="280" y="63"/>
                    <a:pt x="217"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11" name="Google Shape;1212;p43">
              <a:extLst>
                <a:ext uri="{FF2B5EF4-FFF2-40B4-BE49-F238E27FC236}">
                  <a16:creationId xmlns:a16="http://schemas.microsoft.com/office/drawing/2014/main" xmlns="" id="{FC74BF7E-7C01-62C1-4461-3964B8FE17EB}"/>
                </a:ext>
              </a:extLst>
            </p:cNvPr>
            <p:cNvSpPr/>
            <p:nvPr/>
          </p:nvSpPr>
          <p:spPr>
            <a:xfrm>
              <a:off x="3800337" y="4232069"/>
              <a:ext cx="18985" cy="44095"/>
            </a:xfrm>
            <a:custGeom>
              <a:avLst/>
              <a:gdLst/>
              <a:ahLst/>
              <a:cxnLst/>
              <a:rect l="l" t="t" r="r" b="b"/>
              <a:pathLst>
                <a:path w="279" h="648" extrusionOk="0">
                  <a:moveTo>
                    <a:pt x="140" y="0"/>
                  </a:moveTo>
                  <a:cubicBezTo>
                    <a:pt x="63" y="0"/>
                    <a:pt x="0" y="63"/>
                    <a:pt x="0" y="140"/>
                  </a:cubicBezTo>
                  <a:lnTo>
                    <a:pt x="0" y="509"/>
                  </a:lnTo>
                  <a:cubicBezTo>
                    <a:pt x="0" y="585"/>
                    <a:pt x="63" y="647"/>
                    <a:pt x="140" y="647"/>
                  </a:cubicBezTo>
                  <a:cubicBezTo>
                    <a:pt x="216" y="647"/>
                    <a:pt x="278" y="585"/>
                    <a:pt x="278" y="509"/>
                  </a:cubicBezTo>
                  <a:lnTo>
                    <a:pt x="278" y="140"/>
                  </a:lnTo>
                  <a:cubicBezTo>
                    <a:pt x="278" y="63"/>
                    <a:pt x="216"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12" name="Google Shape;1213;p43">
              <a:extLst>
                <a:ext uri="{FF2B5EF4-FFF2-40B4-BE49-F238E27FC236}">
                  <a16:creationId xmlns:a16="http://schemas.microsoft.com/office/drawing/2014/main" xmlns="" id="{49ED977D-874C-C249-4CA4-6C82F96A4CF4}"/>
                </a:ext>
              </a:extLst>
            </p:cNvPr>
            <p:cNvSpPr/>
            <p:nvPr/>
          </p:nvSpPr>
          <p:spPr>
            <a:xfrm>
              <a:off x="3855796" y="4232069"/>
              <a:ext cx="19053" cy="44095"/>
            </a:xfrm>
            <a:custGeom>
              <a:avLst/>
              <a:gdLst/>
              <a:ahLst/>
              <a:cxnLst/>
              <a:rect l="l" t="t" r="r" b="b"/>
              <a:pathLst>
                <a:path w="280" h="648" extrusionOk="0">
                  <a:moveTo>
                    <a:pt x="141" y="0"/>
                  </a:moveTo>
                  <a:cubicBezTo>
                    <a:pt x="63" y="0"/>
                    <a:pt x="1" y="63"/>
                    <a:pt x="1" y="140"/>
                  </a:cubicBezTo>
                  <a:lnTo>
                    <a:pt x="1" y="509"/>
                  </a:lnTo>
                  <a:cubicBezTo>
                    <a:pt x="1" y="585"/>
                    <a:pt x="63" y="647"/>
                    <a:pt x="141" y="647"/>
                  </a:cubicBezTo>
                  <a:cubicBezTo>
                    <a:pt x="217" y="647"/>
                    <a:pt x="279" y="585"/>
                    <a:pt x="279" y="509"/>
                  </a:cubicBezTo>
                  <a:lnTo>
                    <a:pt x="279" y="140"/>
                  </a:lnTo>
                  <a:cubicBezTo>
                    <a:pt x="279" y="63"/>
                    <a:pt x="217" y="0"/>
                    <a:pt x="141"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13" name="Google Shape;1214;p43">
              <a:extLst>
                <a:ext uri="{FF2B5EF4-FFF2-40B4-BE49-F238E27FC236}">
                  <a16:creationId xmlns:a16="http://schemas.microsoft.com/office/drawing/2014/main" xmlns="" id="{05B16BA5-1520-8935-9C77-E02B45146178}"/>
                </a:ext>
              </a:extLst>
            </p:cNvPr>
            <p:cNvSpPr/>
            <p:nvPr/>
          </p:nvSpPr>
          <p:spPr>
            <a:xfrm>
              <a:off x="3911323" y="4232069"/>
              <a:ext cx="18985" cy="44095"/>
            </a:xfrm>
            <a:custGeom>
              <a:avLst/>
              <a:gdLst/>
              <a:ahLst/>
              <a:cxnLst/>
              <a:rect l="l" t="t" r="r" b="b"/>
              <a:pathLst>
                <a:path w="279" h="648" extrusionOk="0">
                  <a:moveTo>
                    <a:pt x="139" y="0"/>
                  </a:moveTo>
                  <a:cubicBezTo>
                    <a:pt x="63" y="0"/>
                    <a:pt x="1" y="63"/>
                    <a:pt x="1" y="140"/>
                  </a:cubicBezTo>
                  <a:lnTo>
                    <a:pt x="1" y="509"/>
                  </a:lnTo>
                  <a:cubicBezTo>
                    <a:pt x="1" y="585"/>
                    <a:pt x="63" y="647"/>
                    <a:pt x="139" y="647"/>
                  </a:cubicBezTo>
                  <a:cubicBezTo>
                    <a:pt x="217" y="647"/>
                    <a:pt x="279" y="585"/>
                    <a:pt x="279" y="509"/>
                  </a:cubicBezTo>
                  <a:lnTo>
                    <a:pt x="279" y="140"/>
                  </a:lnTo>
                  <a:cubicBezTo>
                    <a:pt x="279" y="63"/>
                    <a:pt x="217" y="0"/>
                    <a:pt x="139"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14" name="Google Shape;1215;p43">
              <a:extLst>
                <a:ext uri="{FF2B5EF4-FFF2-40B4-BE49-F238E27FC236}">
                  <a16:creationId xmlns:a16="http://schemas.microsoft.com/office/drawing/2014/main" xmlns="" id="{0FEB2B12-F9E7-E79B-4C33-F5A5AA003454}"/>
                </a:ext>
              </a:extLst>
            </p:cNvPr>
            <p:cNvSpPr/>
            <p:nvPr/>
          </p:nvSpPr>
          <p:spPr>
            <a:xfrm>
              <a:off x="3966781" y="4232069"/>
              <a:ext cx="19053" cy="44095"/>
            </a:xfrm>
            <a:custGeom>
              <a:avLst/>
              <a:gdLst/>
              <a:ahLst/>
              <a:cxnLst/>
              <a:rect l="l" t="t" r="r" b="b"/>
              <a:pathLst>
                <a:path w="280" h="648" extrusionOk="0">
                  <a:moveTo>
                    <a:pt x="140" y="0"/>
                  </a:moveTo>
                  <a:cubicBezTo>
                    <a:pt x="63" y="0"/>
                    <a:pt x="0" y="63"/>
                    <a:pt x="0" y="140"/>
                  </a:cubicBezTo>
                  <a:lnTo>
                    <a:pt x="0" y="509"/>
                  </a:lnTo>
                  <a:cubicBezTo>
                    <a:pt x="0" y="585"/>
                    <a:pt x="63" y="647"/>
                    <a:pt x="140" y="647"/>
                  </a:cubicBezTo>
                  <a:cubicBezTo>
                    <a:pt x="216" y="647"/>
                    <a:pt x="279" y="585"/>
                    <a:pt x="278" y="509"/>
                  </a:cubicBezTo>
                  <a:lnTo>
                    <a:pt x="278" y="140"/>
                  </a:lnTo>
                  <a:cubicBezTo>
                    <a:pt x="278" y="63"/>
                    <a:pt x="216"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15" name="Google Shape;1216;p43">
              <a:extLst>
                <a:ext uri="{FF2B5EF4-FFF2-40B4-BE49-F238E27FC236}">
                  <a16:creationId xmlns:a16="http://schemas.microsoft.com/office/drawing/2014/main" xmlns="" id="{9B3106AD-FFD9-84A2-8A98-1CC472EE9E21}"/>
                </a:ext>
              </a:extLst>
            </p:cNvPr>
            <p:cNvSpPr/>
            <p:nvPr/>
          </p:nvSpPr>
          <p:spPr>
            <a:xfrm>
              <a:off x="4022240" y="4232069"/>
              <a:ext cx="18985" cy="44095"/>
            </a:xfrm>
            <a:custGeom>
              <a:avLst/>
              <a:gdLst/>
              <a:ahLst/>
              <a:cxnLst/>
              <a:rect l="l" t="t" r="r" b="b"/>
              <a:pathLst>
                <a:path w="279" h="648" extrusionOk="0">
                  <a:moveTo>
                    <a:pt x="140" y="0"/>
                  </a:moveTo>
                  <a:cubicBezTo>
                    <a:pt x="63" y="0"/>
                    <a:pt x="1" y="63"/>
                    <a:pt x="1" y="140"/>
                  </a:cubicBezTo>
                  <a:lnTo>
                    <a:pt x="1" y="509"/>
                  </a:lnTo>
                  <a:cubicBezTo>
                    <a:pt x="1" y="585"/>
                    <a:pt x="63" y="647"/>
                    <a:pt x="140" y="647"/>
                  </a:cubicBezTo>
                  <a:cubicBezTo>
                    <a:pt x="217" y="647"/>
                    <a:pt x="279" y="585"/>
                    <a:pt x="279" y="509"/>
                  </a:cubicBezTo>
                  <a:lnTo>
                    <a:pt x="279" y="140"/>
                  </a:lnTo>
                  <a:cubicBezTo>
                    <a:pt x="279" y="63"/>
                    <a:pt x="217"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16" name="Google Shape;1217;p43">
              <a:extLst>
                <a:ext uri="{FF2B5EF4-FFF2-40B4-BE49-F238E27FC236}">
                  <a16:creationId xmlns:a16="http://schemas.microsoft.com/office/drawing/2014/main" xmlns="" id="{8CE6BCB0-E643-FC3A-B885-FDAB3ACE5C7D}"/>
                </a:ext>
              </a:extLst>
            </p:cNvPr>
            <p:cNvSpPr/>
            <p:nvPr/>
          </p:nvSpPr>
          <p:spPr>
            <a:xfrm>
              <a:off x="4077767" y="4232069"/>
              <a:ext cx="18985" cy="44095"/>
            </a:xfrm>
            <a:custGeom>
              <a:avLst/>
              <a:gdLst/>
              <a:ahLst/>
              <a:cxnLst/>
              <a:rect l="l" t="t" r="r" b="b"/>
              <a:pathLst>
                <a:path w="279" h="648" extrusionOk="0">
                  <a:moveTo>
                    <a:pt x="139" y="0"/>
                  </a:moveTo>
                  <a:cubicBezTo>
                    <a:pt x="62" y="0"/>
                    <a:pt x="0" y="63"/>
                    <a:pt x="0" y="140"/>
                  </a:cubicBezTo>
                  <a:lnTo>
                    <a:pt x="0" y="509"/>
                  </a:lnTo>
                  <a:cubicBezTo>
                    <a:pt x="0" y="585"/>
                    <a:pt x="62" y="647"/>
                    <a:pt x="139" y="647"/>
                  </a:cubicBezTo>
                  <a:cubicBezTo>
                    <a:pt x="216" y="647"/>
                    <a:pt x="278" y="585"/>
                    <a:pt x="278" y="509"/>
                  </a:cubicBezTo>
                  <a:lnTo>
                    <a:pt x="278" y="140"/>
                  </a:lnTo>
                  <a:cubicBezTo>
                    <a:pt x="278" y="63"/>
                    <a:pt x="216" y="0"/>
                    <a:pt x="139"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17" name="Google Shape;1218;p43">
              <a:extLst>
                <a:ext uri="{FF2B5EF4-FFF2-40B4-BE49-F238E27FC236}">
                  <a16:creationId xmlns:a16="http://schemas.microsoft.com/office/drawing/2014/main" xmlns="" id="{D064B1E2-5B2F-30F7-D379-A13303E49E84}"/>
                </a:ext>
              </a:extLst>
            </p:cNvPr>
            <p:cNvSpPr/>
            <p:nvPr/>
          </p:nvSpPr>
          <p:spPr>
            <a:xfrm>
              <a:off x="4133158" y="4232069"/>
              <a:ext cx="19053" cy="44095"/>
            </a:xfrm>
            <a:custGeom>
              <a:avLst/>
              <a:gdLst/>
              <a:ahLst/>
              <a:cxnLst/>
              <a:rect l="l" t="t" r="r" b="b"/>
              <a:pathLst>
                <a:path w="280" h="648" extrusionOk="0">
                  <a:moveTo>
                    <a:pt x="140" y="0"/>
                  </a:moveTo>
                  <a:cubicBezTo>
                    <a:pt x="64" y="0"/>
                    <a:pt x="1" y="63"/>
                    <a:pt x="1" y="140"/>
                  </a:cubicBezTo>
                  <a:lnTo>
                    <a:pt x="1" y="509"/>
                  </a:lnTo>
                  <a:cubicBezTo>
                    <a:pt x="1" y="585"/>
                    <a:pt x="64" y="647"/>
                    <a:pt x="140" y="647"/>
                  </a:cubicBezTo>
                  <a:cubicBezTo>
                    <a:pt x="217" y="647"/>
                    <a:pt x="280" y="585"/>
                    <a:pt x="280" y="509"/>
                  </a:cubicBezTo>
                  <a:lnTo>
                    <a:pt x="280" y="140"/>
                  </a:lnTo>
                  <a:cubicBezTo>
                    <a:pt x="280" y="63"/>
                    <a:pt x="217"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18" name="Google Shape;1219;p43">
              <a:extLst>
                <a:ext uri="{FF2B5EF4-FFF2-40B4-BE49-F238E27FC236}">
                  <a16:creationId xmlns:a16="http://schemas.microsoft.com/office/drawing/2014/main" xmlns="" id="{2B9B9946-B372-28E7-C9AD-86EC5C1203E0}"/>
                </a:ext>
              </a:extLst>
            </p:cNvPr>
            <p:cNvSpPr/>
            <p:nvPr/>
          </p:nvSpPr>
          <p:spPr>
            <a:xfrm>
              <a:off x="4188684" y="4232069"/>
              <a:ext cx="18985" cy="44095"/>
            </a:xfrm>
            <a:custGeom>
              <a:avLst/>
              <a:gdLst/>
              <a:ahLst/>
              <a:cxnLst/>
              <a:rect l="l" t="t" r="r" b="b"/>
              <a:pathLst>
                <a:path w="279" h="648" extrusionOk="0">
                  <a:moveTo>
                    <a:pt x="140" y="0"/>
                  </a:moveTo>
                  <a:cubicBezTo>
                    <a:pt x="62" y="0"/>
                    <a:pt x="0" y="63"/>
                    <a:pt x="0" y="140"/>
                  </a:cubicBezTo>
                  <a:lnTo>
                    <a:pt x="0" y="509"/>
                  </a:lnTo>
                  <a:cubicBezTo>
                    <a:pt x="0" y="585"/>
                    <a:pt x="62" y="647"/>
                    <a:pt x="140" y="647"/>
                  </a:cubicBezTo>
                  <a:cubicBezTo>
                    <a:pt x="216" y="647"/>
                    <a:pt x="278" y="585"/>
                    <a:pt x="278" y="509"/>
                  </a:cubicBezTo>
                  <a:lnTo>
                    <a:pt x="278" y="140"/>
                  </a:lnTo>
                  <a:cubicBezTo>
                    <a:pt x="278" y="63"/>
                    <a:pt x="216" y="0"/>
                    <a:pt x="140"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19" name="Google Shape;1220;p43">
              <a:extLst>
                <a:ext uri="{FF2B5EF4-FFF2-40B4-BE49-F238E27FC236}">
                  <a16:creationId xmlns:a16="http://schemas.microsoft.com/office/drawing/2014/main" xmlns="" id="{0B7C6655-6E7F-45D1-8E3C-2716ADFB8D29}"/>
                </a:ext>
              </a:extLst>
            </p:cNvPr>
            <p:cNvSpPr/>
            <p:nvPr/>
          </p:nvSpPr>
          <p:spPr>
            <a:xfrm>
              <a:off x="4244143" y="4232069"/>
              <a:ext cx="18985" cy="44095"/>
            </a:xfrm>
            <a:custGeom>
              <a:avLst/>
              <a:gdLst/>
              <a:ahLst/>
              <a:cxnLst/>
              <a:rect l="l" t="t" r="r" b="b"/>
              <a:pathLst>
                <a:path w="279" h="648" extrusionOk="0">
                  <a:moveTo>
                    <a:pt x="139" y="0"/>
                  </a:moveTo>
                  <a:cubicBezTo>
                    <a:pt x="63" y="0"/>
                    <a:pt x="1" y="63"/>
                    <a:pt x="1" y="140"/>
                  </a:cubicBezTo>
                  <a:lnTo>
                    <a:pt x="1" y="509"/>
                  </a:lnTo>
                  <a:cubicBezTo>
                    <a:pt x="1" y="585"/>
                    <a:pt x="63" y="647"/>
                    <a:pt x="139" y="647"/>
                  </a:cubicBezTo>
                  <a:cubicBezTo>
                    <a:pt x="217" y="647"/>
                    <a:pt x="279" y="585"/>
                    <a:pt x="279" y="509"/>
                  </a:cubicBezTo>
                  <a:lnTo>
                    <a:pt x="279" y="140"/>
                  </a:lnTo>
                  <a:cubicBezTo>
                    <a:pt x="279" y="63"/>
                    <a:pt x="217" y="0"/>
                    <a:pt x="139"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120" name="Google Shape;408;p28">
            <a:extLst>
              <a:ext uri="{FF2B5EF4-FFF2-40B4-BE49-F238E27FC236}">
                <a16:creationId xmlns:a16="http://schemas.microsoft.com/office/drawing/2014/main" xmlns="" id="{2968C488-079C-9780-E9DF-4F54CC2AF1D5}"/>
              </a:ext>
            </a:extLst>
          </p:cNvPr>
          <p:cNvSpPr txBox="1">
            <a:spLocks noGrp="1"/>
          </p:cNvSpPr>
          <p:nvPr>
            <p:ph type="title"/>
          </p:nvPr>
        </p:nvSpPr>
        <p:spPr>
          <a:xfrm>
            <a:off x="4209265" y="1723721"/>
            <a:ext cx="4600826" cy="2569927"/>
          </a:xfrm>
          <a:prstGeom prst="rect">
            <a:avLst/>
          </a:prstGeom>
        </p:spPr>
        <p:txBody>
          <a:bodyPr spcFirstLastPara="1" wrap="square" lIns="91425" tIns="91425" rIns="91425" bIns="91425" anchor="ctr" anchorCtr="0">
            <a:noAutofit/>
          </a:bodyPr>
          <a:lstStyle/>
          <a:p>
            <a:pPr algn="ctr">
              <a:lnSpc>
                <a:spcPct val="150000"/>
              </a:lnSpc>
            </a:pPr>
            <a:r>
              <a:rPr lang="vi-VN" sz="3600" b="1" dirty="0">
                <a:latin typeface="Arial" panose="020B0604020202020204" pitchFamily="34" charset="0"/>
                <a:cs typeface="Arial" panose="020B0604020202020204" pitchFamily="34" charset="0"/>
              </a:rPr>
              <a:t>PHÂN LUỒNG TRONG HỆ THỐNG GIÁO DỤC</a:t>
            </a:r>
          </a:p>
        </p:txBody>
      </p:sp>
      <p:sp>
        <p:nvSpPr>
          <p:cNvPr id="1121" name="Rectangle 1120">
            <a:extLst>
              <a:ext uri="{FF2B5EF4-FFF2-40B4-BE49-F238E27FC236}">
                <a16:creationId xmlns:a16="http://schemas.microsoft.com/office/drawing/2014/main" xmlns="" id="{87F011AE-3445-AFF4-C2EE-0CA816DEBC33}"/>
              </a:ext>
            </a:extLst>
          </p:cNvPr>
          <p:cNvSpPr/>
          <p:nvPr/>
        </p:nvSpPr>
        <p:spPr>
          <a:xfrm>
            <a:off x="6131777" y="800821"/>
            <a:ext cx="713416" cy="706518"/>
          </a:xfrm>
          <a:prstGeom prst="rect">
            <a:avLst/>
          </a:prstGeom>
          <a:solidFill>
            <a:schemeClr val="accent6"/>
          </a:solidFill>
          <a:ln>
            <a:solidFill>
              <a:schemeClr val="accent5"/>
            </a:solidFill>
          </a:ln>
        </p:spPr>
        <p:style>
          <a:lnRef idx="2">
            <a:schemeClr val="accent1"/>
          </a:lnRef>
          <a:fillRef idx="1">
            <a:schemeClr val="lt1"/>
          </a:fillRef>
          <a:effectRef idx="0">
            <a:schemeClr val="accent1"/>
          </a:effectRef>
          <a:fontRef idx="minor">
            <a:schemeClr val="dk1"/>
          </a:fontRef>
        </p:style>
        <p:txBody>
          <a:bodyPr rtlCol="0" anchor="ctr"/>
          <a:lstStyle/>
          <a:p>
            <a:pPr algn="ctr"/>
            <a:r>
              <a:rPr lang="vi-VN" sz="3600" b="1" dirty="0">
                <a:latin typeface="Arial" panose="020B0604020202020204" pitchFamily="34" charset="0"/>
                <a:cs typeface="Arial" panose="020B0604020202020204" pitchFamily="34" charset="0"/>
              </a:rPr>
              <a:t>II.</a:t>
            </a:r>
          </a:p>
        </p:txBody>
      </p:sp>
    </p:spTree>
    <p:custDataLst>
      <p:tags r:id="rId1"/>
    </p:custDataLst>
  </p:cSld>
  <p:clrMapOvr>
    <a:masterClrMapping/>
  </p:clrMapOvr>
  <p:transition spd="slow">
    <p:fade/>
  </p:transition>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true,&quot;showNextButton&quot;:true,&quot;showOutline&quot;:false,&quot;showPlayPause&quot;:true,&quot;showPlaybackRateButton&quot;:true,&quot;showPrevButton&quot;:true,&quot;showRewind&quot;:true,&quot;showSlideNumbers&quot;:true,&quot;showSlideOnlyButton&quot;:true,&quot;showVolumeControl&quot;:true,&quot;visible&quot;:true},&quot;fontFamily&quot;:&quot;Arial&quot;,&quot;miniskinCustomizationEnabled&quot;:true,&quot;outlinePanel&quot;:{&quot;highlightViewedEntries&quot;:false,&quot;multilevel&quot;:true,&quot;numberEntries&quot;:true,&quot;search&quot;:true,&quot;thumbnails&quot;:false},&quot;sidePanel&quot;:{&quot;showAtLeft&quot;:false,&quot;showLogo&quot;:false,&quot;showNotes&quot;:false,&quot;showOutline&quot;:true,&quot;showPresenterInfo&quot;:false,&quot;showPresenterVideo&quot;:true,&quot;visible&quot;:true},&quot;titlePanel&quot;:{&quot;buttons&quot;:[&quot;attachments&quot;,&quot;presenterInfo&quot;],&quot;buttonsAtLeft&quot;:true,&quot;courseTitleVisible&quot;:fals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144,&quot;width&quot;:296},&quot;playerModule&quot;:&quot;UniversalHtml&quot;,&quot;presentationContent&quot;:{&quot;metadata&quot;:{&quot;references&quot;:true,&quot;texts&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videoNarrations&quot;:{&quot;height&quot;:1024,&quot;width&quot;:1366}}}},&quot;ceipData&quot;:{&quot;enableMiniSkinCustomization&quot;:true,&quot;playerLayout&quot;:&quot;builtin.trainingWithPresenterVideo&quot;,&quot;playerLayoutFooter&quot;:&quot;playAndPause,acceleration,notes,replay,fullscreen,volumeControl,slideNumber,goToPrev,goToNext&quot;,&quot;playerLayoutHeader&quot;:&quot;resources,presenterInfo,&quot;,&quot;playerLayoutHeaderButtonsPosition&quot;:&quot;left&quot;,&quot;playerLayoutOutline&quot;:&quot;enableSearch,showSlideNumber,enableMultilevel&quot;,&quot;playerLayoutProgress&quot;:&quot;enabledNavigation,showLabels&quot;,&quot;playerLayoutProgressMode&quot;:&quot;presentationTimeline&quot;,&quot;playerLayoutSidebar&quot;:&quot;presenterVideo,outline&quot;,&quot;playerLayoutSidebarPosition&quot;:&quot;righ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builtin.lightBlue&quot;,&quot;playerThemeFont&quot;:&quot;Arial&quot;}}}"/>
  <p:tag name="ISPRING-SUITE_ISPRING_CURRENT_PLAYER_ID" val="universal"/>
  <p:tag name="ISPRING_PRESENTATION_COURSE_TITLE" val="BÀI 2_giao_duc_ki_thuat_cong_nghe_trong_he_thong_giao_duc_quoc_dan"/>
  <p:tag name="ISPRING_UUID" val="{17E78482-92C5-4F54-B84A-51123E217E62}"/>
  <p:tag name="ISPRING_RESOURCE_FOLDER" val="C:\Users\DELL\Desktop\PP CN ĐỊNH HƯỚNG 9 CD BÀI 123\PP CN ĐỊNH HƯỚNG 9 CD BÀI 123\BÀI 2_giao_duc_ki_thuat_cong_nghe_trong_he_thong_giao_duc_quoc_dan\"/>
  <p:tag name="ISPRING_PRESENTATION_PATH" val="C:\Users\DELL\Desktop\PP CN ĐỊNH HƯỚNG 9 CD BÀI 123\PP CN ĐỊNH HƯỚNG 9 CD BÀI 123\BÀI 2_giao_duc_ki_thuat_cong_nghe_trong_he_thong_giao_duc_quoc_dan.pptx"/>
  <p:tag name="ISPRING_PROJECT_VERSION" val="9.3"/>
  <p:tag name="ISPRING_PROJECT_FOLDER_UPDATED" val="1"/>
  <p:tag name="ISPRING_SCREEN_RECS_UPDATED" val="C:\Users\DELL\Desktop\PP CN ĐỊNH HƯỚNG 9 CD BÀI 123\PP CN ĐỊNH HƯỚNG 9 CD BÀI 123\BÀI 2_giao_duc_ki_thuat_cong_nghe_trong_he_thong_giao_duc_quoc_dan\"/>
  <p:tag name="ISPRING_PRESENTATION_INFO_2" val="&lt;?xml version=&quot;1.0&quot; encoding=&quot;UTF-8&quot; standalone=&quot;no&quot; ?&gt;&#10;&lt;presentation2&gt;&#10;&#10;  &lt;slides&gt;&#10;    &lt;slide id=&quot;{FA264290-1297-49B9-976B-FBCD6A44A37E}&quot; pptId=&quot;256&quot;/&gt;&#10;    &lt;slide id=&quot;{B402BA1F-DF33-4A9B-8292-8ADD3B60EAD3}&quot; pptId=&quot;257&quot;/&gt;&#10;    &lt;slide id=&quot;{3D00D50C-AAA5-4AA1-8986-C9F3AC431FE8}&quot; pptId=&quot;259&quot;/&gt;&#10;    &lt;slide id=&quot;{5E468B1B-4DE8-4285-9611-254A90A00A48}&quot; pptId=&quot;258&quot;/&gt;&#10;    &lt;slide id=&quot;{507907E7-E289-462D-B9D3-FA9BEBEF347F}&quot; pptId=&quot;260&quot;/&gt;&#10;    &lt;slide id=&quot;{A2CB3411-A2A6-424A-A824-5750014F556C}&quot; pptId=&quot;261&quot;/&gt;&#10;    &lt;slide id=&quot;{32D96497-42DF-4398-9942-C8E7C830327A}&quot; pptId=&quot;262&quot;/&gt;&#10;    &lt;slide id=&quot;{0AF63577-BE15-425E-8B72-CBF8B38F8229}&quot; pptId=&quot;278&quot;/&gt;&#10;    &lt;slide id=&quot;{B9632DD0-3924-4450-9693-69379DC71781}&quot; pptId=&quot;273&quot;/&gt;&#10;    &lt;slide id=&quot;{7A92C085-1E38-4BBF-9F0E-94B3E79773C5}&quot; pptId=&quot;263&quot;/&gt;&#10;    &lt;slide id=&quot;{08B96771-67AD-4314-9605-9D985E470D1D}&quot; pptId=&quot;264&quot;/&gt;&#10;    &lt;slide id=&quot;{2368FFB8-E012-49BD-8087-2E2C8A3F7615}&quot; pptId=&quot;279&quot;/&gt;&#10;    &lt;slide id=&quot;{AA98EA64-7079-4FBB-8123-416D7B96520E}&quot; pptId=&quot;280&quot;/&gt;&#10;    &lt;slide id=&quot;{D2807637-3EF5-456B-A014-7155263D68DA}&quot; pptId=&quot;281&quot;/&gt;&#10;    &lt;slide id=&quot;{F8342AB6-C990-4CC0-9B9F-8F3F5639B59D}&quot; pptId=&quot;268&quot;/&gt;&#10;    &lt;slide id=&quot;{B605670C-D84B-4EF8-BC6D-CC00FC1B8C9E}&quot; pptId=&quot;266&quot;/&gt;&#10;    &lt;slide id=&quot;{0DA0BF98-3FED-4DBC-A32D-065907C5C0B0}&quot; pptId=&quot;282&quot;/&gt;&#10;    &lt;slide id=&quot;{99EE5D8D-B4E2-43A4-8C97-93191D49852B}&quot; pptId=&quot;283&quot;/&gt;&#10;    &lt;slide id=&quot;{42034451-4375-4FB0-990F-5BC987925E60}&quot; pptId=&quot;284&quot;/&gt;&#10;    &lt;slide id=&quot;{1EEDB4F3-D080-4342-ADB5-FA0B07FD166C}&quot; pptId=&quot;270&quot;/&gt;&#10;    &lt;slide id=&quot;{290A224C-9F39-4776-920F-92380EEF25AA}&quot; pptId=&quot;265&quot;/&gt;&#10;    &lt;slide id=&quot;{3D2EC7DF-0F7E-4598-85C2-855FB2F95B8F}&quot; pptId=&quot;285&quot;/&gt;&#10;    &lt;slide id=&quot;{08C6BE98-C873-4D03-89E4-E183AC913EE4}&quot; pptId=&quot;267&quot;/&gt;&#10;    &lt;slide id=&quot;{DBDEBD21-3C72-4059-A6BC-FDBE17D1E325}&quot; pptId=&quot;297&quot;/&gt;&#10;    &lt;slide id=&quot;{8C539CDE-88C2-473B-864B-9E67B21633AE}&quot; pptId=&quot;373&quot;/&gt;&#10;    &lt;slide id=&quot;{882254F0-1BE4-42FA-B3B8-23582CE9B4DE}&quot; pptId=&quot;374&quot;/&gt;&#10;    &lt;slide id=&quot;{73D1C1AB-76CC-4975-9B37-FC9B05C9C8B7}&quot; pptId=&quot;380&quot;/&gt;&#10;    &lt;slide id=&quot;{1EA3DF8B-856B-4443-8B00-D6625468201C}&quot; pptId=&quot;376&quot;/&gt;&#10;    &lt;slide id=&quot;{97658DA3-A6CD-4994-8765-88B18F53A96E}&quot; pptId=&quot;377&quot;/&gt;&#10;    &lt;slide id=&quot;{3A96C24D-BEFA-451E-A95A-FE86B3F8F6D7}&quot; pptId=&quot;271&quot;/&gt;&#10;    &lt;slide id=&quot;{587CF8F8-6F2A-4292-99F2-8CD3D8B03FD4}&quot; pptId=&quot;385&quot;/&gt;&#10;    &lt;slide id=&quot;{EAFBF25D-C4B7-432A-B0ED-4F434CF4111C}&quot; pptId=&quot;269&quot;/&gt;&#10;    &lt;slide id=&quot;{97F7D75D-4968-4FE6-9051-78665A08FC84}&quot; pptId=&quot;386&quot;/&gt;&#10;  &lt;/slides&gt;&#10;&#10;  &lt;narration&gt;&#10;    &lt;audioTracks/&gt;&#10;    &lt;videoTracks&gt;&#10;      &lt;videoTrack muted=&quot;false&quot; name=&quot;Video 1&quot; resource=&quot;cdfd008f&quot; slideId=&quot;{FA264290-1297-49B9-976B-FBCD6A44A37E}&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2&quot; resource=&quot;90ca36b1&quot; slideId=&quot;{B402BA1F-DF33-4A9B-8292-8ADD3B60EAD3}&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3&quot; resource=&quot;01edf9be&quot; slideId=&quot;{3D00D50C-AAA5-4AA1-8986-C9F3AC431FE8}&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4&quot; resource=&quot;442aa359&quot; slideId=&quot;{5E468B1B-4DE8-4285-9611-254A90A00A48}&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5&quot; resource=&quot;58e2b4d6&quot; slideId=&quot;{507907E7-E289-462D-B9D3-FA9BEBEF347F}&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6&quot; resource=&quot;5f2cf478&quot; slideId=&quot;{A2CB3411-A2A6-424A-A824-5750014F556C}&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7&quot; resource=&quot;8d6274ce&quot; slideId=&quot;{32D96497-42DF-4398-9942-C8E7C830327A}&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8&quot; resource=&quot;859b2ce4&quot; slideId=&quot;{0AF63577-BE15-425E-8B72-CBF8B38F8229}&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9&quot; resource=&quot;6ab6d5eb&quot; slideId=&quot;{B9632DD0-3924-4450-9693-69379DC71781}&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10&quot; resource=&quot;1860a103&quot; slideId=&quot;{7A92C085-1E38-4BBF-9F0E-94B3E79773C5}&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11&quot; resource=&quot;cab42172&quot; slideId=&quot;{08B96771-67AD-4314-9605-9D985E470D1D}&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12&quot; resource=&quot;95efdd22&quot; slideId=&quot;{2368FFB8-E012-49BD-8087-2E2C8A3F7615}&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13&quot; resource=&quot;b9d3148d&quot; slideId=&quot;{AA98EA64-7079-4FBB-8123-416D7B96520E}&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14&quot; resource=&quot;07ccdaff&quot; slideId=&quot;{D2807637-3EF5-456B-A014-7155263D68DA}&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15&quot; resource=&quot;986764b2&quot; slideId=&quot;{F8342AB6-C990-4CC0-9B9F-8F3F5639B59D}&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16&quot; resource=&quot;b33c0e16&quot; slideId=&quot;{B605670C-D84B-4EF8-BC6D-CC00FC1B8C9E}&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17&quot; resource=&quot;5f1c5b02&quot; slideId=&quot;{0DA0BF98-3FED-4DBC-A32D-065907C5C0B0}&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18&quot; resource=&quot;9acca69f&quot; slideId=&quot;{99EE5D8D-B4E2-43A4-8C97-93191D49852B}&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19&quot; resource=&quot;360cfbbf&quot; slideId=&quot;{42034451-4375-4FB0-990F-5BC987925E60}&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20&quot; resource=&quot;272391c3&quot; slideId=&quot;{1EEDB4F3-D080-4342-ADB5-FA0B07FD166C}&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21&quot; resource=&quot;31f4635c&quot; slideId=&quot;{290A224C-9F39-4776-920F-92380EEF25AA}&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22&quot; resource=&quot;0b53228a&quot; slideId=&quot;{3D2EC7DF-0F7E-4598-85C2-855FB2F95B8F}&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23&quot; resource=&quot;333ec565&quot; slideId=&quot;{08C6BE98-C873-4D03-89E4-E183AC913EE4}&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24&quot; resource=&quot;85f51206&quot; slideId=&quot;{DBDEBD21-3C72-4059-A6BC-FDBE17D1E325}&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25&quot; resource=&quot;855af387&quot; slideId=&quot;{8C539CDE-88C2-473B-864B-9E67B21633AE}&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26&quot; resource=&quot;e7c26be5&quot; slideId=&quot;{882254F0-1BE4-42FA-B3B8-23582CE9B4DE}&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27&quot; resource=&quot;ebd13127&quot; slideId=&quot;{73D1C1AB-76CC-4975-9B37-FC9B05C9C8B7}&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28&quot; resource=&quot;361a3a27&quot; slideId=&quot;{1EA3DF8B-856B-4443-8B00-D6625468201C}&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29&quot; resource=&quot;a71392f0&quot; slideId=&quot;{97658DA3-A6CD-4994-8765-88B18F53A96E}&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30&quot; resource=&quot;4c99da72&quot; slideId=&quot;{3A96C24D-BEFA-451E-A95A-FE86B3F8F6D7}&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31&quot; resource=&quot;edfb8667&quot; slideId=&quot;{587CF8F8-6F2A-4292-99F2-8CD3D8B03FD4}&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32&quot; resource=&quot;173dc027&quot; slideId=&quot;{EAFBF25D-C4B7-432A-B0ED-4F434CF4111C}&quot; startTime=&quot;0&quot; volume=&quot;1&quot;&gt;&#10;        &lt;video format=&quot;yuv420p&quot; frameRate=&quot;30&quot; height=&quot;720&quot; pixelAspectRatio=&quot;1&quot; width=&quot;1280&quot;/&gt;&#10;        &lt;audio channels=&quot;1&quot; format=&quot;s16&quot; sampleRate=&quot;44100&quot;/&gt;&#10;      &lt;/videoTrack&gt;&#10;      &lt;videoTrack muted=&quot;false&quot; name=&quot;Video 33&quot; resource=&quot;b9595826&quot; slideId=&quot;{97F7D75D-4968-4FE6-9051-78665A08FC84}&quot; startTime=&quot;0&quot; volume=&quot;1&quot;&gt;&#10;        &lt;video format=&quot;yuv420p&quot; frameRate=&quot;30&quot; height=&quot;720&quot; pixelAspectRatio=&quot;1&quot; width=&quot;1280&quot;/&gt;&#10;        &lt;audio channels=&quot;1&quot; format=&quot;s16&quot; sampleRate=&quot;44100&quot;/&gt;&#10;      &lt;/videoTrack&gt;&#10;    &lt;/videoTracks&gt;&#10;  &lt;/narration&gt;&#10;&#10;&lt;/presentation2&gt;&#10;"/>
  <p:tag name="ISPRING_LMS_API_VERSION" val="SCORM 2004 (4th edition)"/>
  <p:tag name="ISPRING_ULTRA_SCORM_COURCE_TITLE" val="Bai 2. Giao duc ki thuat cong nghe trong he thong giao duc quoc dan"/>
  <p:tag name="ISPRING_ULTRA_SCORM_COURSE_ID" val="B50713E6-D404-4F56-81D7-0E4843E2E72E"/>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oiז{AA4581A9-2D64-46BD-94D0-C9863A3F71EC}&quot;,&quot;C:\\Users\\DELL\\Desktop\\Elearning&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SCORM_RATE_SLIDES" val="0"/>
  <p:tag name="ISPRING_SCORM_RATE_QUIZZES" val="0"/>
  <p:tag name="ISPRING_SCORM_PASSING_SCORE" val="0.000000"/>
  <p:tag name="ISPRING_PRESENTATION_TITLE" val="Bai 2. Giao duc ki thuat cong nghe trong he thong giao duc quoc dan"/>
  <p:tag name="ISPRING_FIRST_PUBLISH" val="1"/>
</p:tagLst>
</file>

<file path=ppt/tags/tag10.xml><?xml version="1.0" encoding="utf-8"?>
<p:tagLst xmlns:a="http://schemas.openxmlformats.org/drawingml/2006/main" xmlns:r="http://schemas.openxmlformats.org/officeDocument/2006/relationships" xmlns:p="http://schemas.openxmlformats.org/presentationml/2006/main">
  <p:tag name="ISPRING_SLIDE_ID_2" val="{B9632DD0-3924-4450-9693-69379DC71781}"/>
  <p:tag name="GENSWF_ADVANCE_TIME" val="8.098"/>
  <p:tag name="ISPRING_CUSTOM_TIMING_USED" val="1"/>
  <p:tag name="GENSWF_SLIDE_UID" val="{913E0AA3-5ADC-495A-A00E-B84B5BFF418E}:273"/>
</p:tagLst>
</file>

<file path=ppt/tags/tag11.xml><?xml version="1.0" encoding="utf-8"?>
<p:tagLst xmlns:a="http://schemas.openxmlformats.org/drawingml/2006/main" xmlns:r="http://schemas.openxmlformats.org/officeDocument/2006/relationships" xmlns:p="http://schemas.openxmlformats.org/presentationml/2006/main">
  <p:tag name="ISPRING_SLIDE_ID_2" val="{7A92C085-1E38-4BBF-9F0E-94B3E79773C5}"/>
  <p:tag name="GENSWF_ADVANCE_TIME" val="26.134"/>
  <p:tag name="TIMING" val="|6.914|2.635"/>
  <p:tag name="ISPRING_CUSTOM_TIMING_USED" val="1"/>
  <p:tag name="GENSWF_SLIDE_UID" val="{E8F936BC-F747-406F-963A-9B9D4DCCE3BB}:263"/>
</p:tagLst>
</file>

<file path=ppt/tags/tag12.xml><?xml version="1.0" encoding="utf-8"?>
<p:tagLst xmlns:a="http://schemas.openxmlformats.org/drawingml/2006/main" xmlns:r="http://schemas.openxmlformats.org/officeDocument/2006/relationships" xmlns:p="http://schemas.openxmlformats.org/presentationml/2006/main">
  <p:tag name="ISPRING_SLIDE_ID_2" val="{08B96771-67AD-4314-9605-9D985E470D1D}"/>
  <p:tag name="GENSWF_ADVANCE_TIME" val="41.411"/>
  <p:tag name="TIMING" val="|5.051|4.64"/>
  <p:tag name="ISPRING_CUSTOM_TIMING_USED" val="1"/>
  <p:tag name="GENSWF_SLIDE_UID" val="{3A925941-4EDF-45EC-BE9C-D0A6D65915A6}:264"/>
</p:tagLst>
</file>

<file path=ppt/tags/tag13.xml><?xml version="1.0" encoding="utf-8"?>
<p:tagLst xmlns:a="http://schemas.openxmlformats.org/drawingml/2006/main" xmlns:r="http://schemas.openxmlformats.org/officeDocument/2006/relationships" xmlns:p="http://schemas.openxmlformats.org/presentationml/2006/main">
  <p:tag name="ISPRING_SLIDE_ID_2" val="{2368FFB8-E012-49BD-8087-2E2C8A3F7615}"/>
  <p:tag name="GENSWF_ADVANCE_TIME" val="28.031"/>
  <p:tag name="TIMING" val="|2.214|2.639"/>
  <p:tag name="ISPRING_CUSTOM_TIMING_USED" val="1"/>
  <p:tag name="GENSWF_SLIDE_UID" val="{AB8385F9-1507-47A6-ACFF-2EF418434025}:279"/>
</p:tagLst>
</file>

<file path=ppt/tags/tag14.xml><?xml version="1.0" encoding="utf-8"?>
<p:tagLst xmlns:a="http://schemas.openxmlformats.org/drawingml/2006/main" xmlns:r="http://schemas.openxmlformats.org/officeDocument/2006/relationships" xmlns:p="http://schemas.openxmlformats.org/presentationml/2006/main">
  <p:tag name="ISPRING_SLIDE_ID_2" val="{AA98EA64-7079-4FBB-8123-416D7B96520E}"/>
  <p:tag name="GENSWF_ADVANCE_TIME" val="48.820"/>
  <p:tag name="TIMING" val="|4.306|4.144|14.808|10.064|3.862"/>
  <p:tag name="ISPRING_CUSTOM_TIMING_USED" val="1"/>
  <p:tag name="GENSWF_SLIDE_UID" val="{528DEE19-D984-424E-91C6-FEE9EF51D42C}:280"/>
</p:tagLst>
</file>

<file path=ppt/tags/tag15.xml><?xml version="1.0" encoding="utf-8"?>
<p:tagLst xmlns:a="http://schemas.openxmlformats.org/drawingml/2006/main" xmlns:r="http://schemas.openxmlformats.org/officeDocument/2006/relationships" xmlns:p="http://schemas.openxmlformats.org/presentationml/2006/main">
  <p:tag name="ISPRING_SLIDE_ID_2" val="{D2807637-3EF5-456B-A014-7155263D68DA}"/>
  <p:tag name="GENSWF_ADVANCE_TIME" val="19.272"/>
  <p:tag name="TIMING" val="|3.69|2.314"/>
  <p:tag name="ISPRING_CUSTOM_TIMING_USED" val="1"/>
  <p:tag name="GENSWF_SLIDE_UID" val="{82602A78-2AF5-4CBD-909D-B55627F5DC92}:281"/>
</p:tagLst>
</file>

<file path=ppt/tags/tag16.xml><?xml version="1.0" encoding="utf-8"?>
<p:tagLst xmlns:a="http://schemas.openxmlformats.org/drawingml/2006/main" xmlns:r="http://schemas.openxmlformats.org/officeDocument/2006/relationships" xmlns:p="http://schemas.openxmlformats.org/presentationml/2006/main">
  <p:tag name="ISPRING_SLIDE_ID_2" val="{F8342AB6-C990-4CC0-9B9F-8F3F5639B59D}"/>
  <p:tag name="GENSWF_ADVANCE_TIME" val="33.787"/>
  <p:tag name="TIMING" val="|11.376|4.811"/>
  <p:tag name="ISPRING_CUSTOM_TIMING_USED" val="1"/>
  <p:tag name="GENSWF_SLIDE_UID" val="{47519CBA-A288-4069-A9F8-A6B18A8941F1}:268"/>
</p:tagLst>
</file>

<file path=ppt/tags/tag17.xml><?xml version="1.0" encoding="utf-8"?>
<p:tagLst xmlns:a="http://schemas.openxmlformats.org/drawingml/2006/main" xmlns:r="http://schemas.openxmlformats.org/officeDocument/2006/relationships" xmlns:p="http://schemas.openxmlformats.org/presentationml/2006/main">
  <p:tag name="ISPRING_SLIDE_ID_2" val="{B605670C-D84B-4EF8-BC6D-CC00FC1B8C9E}"/>
  <p:tag name="GENSWF_ADVANCE_TIME" val="9.697"/>
  <p:tag name="ISPRING_CUSTOM_TIMING_USED" val="1"/>
  <p:tag name="GENSWF_SLIDE_UID" val="{8B1548BB-1576-4C0E-9CD3-1A9711B3A5E3}:266"/>
</p:tagLst>
</file>

<file path=ppt/tags/tag18.xml><?xml version="1.0" encoding="utf-8"?>
<p:tagLst xmlns:a="http://schemas.openxmlformats.org/drawingml/2006/main" xmlns:r="http://schemas.openxmlformats.org/officeDocument/2006/relationships" xmlns:p="http://schemas.openxmlformats.org/presentationml/2006/main">
  <p:tag name="ISPRING_SLIDE_ID_2" val="{0DA0BF98-3FED-4DBC-A32D-065907C5C0B0}"/>
  <p:tag name="GENSWF_ADVANCE_TIME" val="21.919"/>
  <p:tag name="TIMING" val="|5.778|3.039"/>
  <p:tag name="ISPRING_CUSTOM_TIMING_USED" val="1"/>
  <p:tag name="GENSWF_SLIDE_UID" val="{589C3609-6BD9-42FA-AC0E-D617FD0B9B82}:282"/>
</p:tagLst>
</file>

<file path=ppt/tags/tag19.xml><?xml version="1.0" encoding="utf-8"?>
<p:tagLst xmlns:a="http://schemas.openxmlformats.org/drawingml/2006/main" xmlns:r="http://schemas.openxmlformats.org/officeDocument/2006/relationships" xmlns:p="http://schemas.openxmlformats.org/presentationml/2006/main">
  <p:tag name="ISPRING_SLIDE_ID_2" val="{99EE5D8D-B4E2-43A4-8C97-93191D49852B}"/>
  <p:tag name="GENSWF_ADVANCE_TIME" val="42.103"/>
  <p:tag name="TIMING" val="|9.801|11.997|9.839|3.172"/>
  <p:tag name="ISPRING_CUSTOM_TIMING_USED" val="1"/>
  <p:tag name="GENSWF_SLIDE_UID" val="{B7FCCFA8-2792-4C2B-B26F-2FFAE1BF781F}:283"/>
</p:tagLst>
</file>

<file path=ppt/tags/tag2.xml><?xml version="1.0" encoding="utf-8"?>
<p:tagLst xmlns:a="http://schemas.openxmlformats.org/drawingml/2006/main" xmlns:r="http://schemas.openxmlformats.org/officeDocument/2006/relationships" xmlns:p="http://schemas.openxmlformats.org/presentationml/2006/main">
  <p:tag name="ISPRING_SLIDE_ID_2" val="{FA264290-1297-49B9-976B-FBCD6A44A37E}"/>
  <p:tag name="GENSWF_ADVANCE_TIME" val="15.680"/>
  <p:tag name="TIMING" val="|1.953|11.507"/>
  <p:tag name="ISPRING_CUSTOM_TIMING_USED" val="1"/>
  <p:tag name="GENSWF_SLIDE_UID" val="{64F1C02D-49CF-4BA2-B80B-812841A3FB52}:256"/>
</p:tagLst>
</file>

<file path=ppt/tags/tag20.xml><?xml version="1.0" encoding="utf-8"?>
<p:tagLst xmlns:a="http://schemas.openxmlformats.org/drawingml/2006/main" xmlns:r="http://schemas.openxmlformats.org/officeDocument/2006/relationships" xmlns:p="http://schemas.openxmlformats.org/presentationml/2006/main">
  <p:tag name="ISPRING_SLIDE_ID_2" val="{42034451-4375-4FB0-990F-5BC987925E60}"/>
  <p:tag name="GENSWF_ADVANCE_TIME" val="15.722"/>
  <p:tag name="TIMING" val="|2.783|2.272"/>
  <p:tag name="ISPRING_CUSTOM_TIMING_USED" val="1"/>
  <p:tag name="GENSWF_SLIDE_UID" val="{E6855379-5B2B-460A-B1D2-85C3C7A5C1AE}:284"/>
</p:tagLst>
</file>

<file path=ppt/tags/tag21.xml><?xml version="1.0" encoding="utf-8"?>
<p:tagLst xmlns:a="http://schemas.openxmlformats.org/drawingml/2006/main" xmlns:r="http://schemas.openxmlformats.org/officeDocument/2006/relationships" xmlns:p="http://schemas.openxmlformats.org/presentationml/2006/main">
  <p:tag name="ISPRING_SLIDE_ID_2" val="{1EEDB4F3-D080-4342-ADB5-FA0B07FD166C}"/>
  <p:tag name="GENSWF_ADVANCE_TIME" val="41.276"/>
  <p:tag name="TIMING" val="|4.76|10.957|7.168|14.688"/>
  <p:tag name="ISPRING_CUSTOM_TIMING_USED" val="1"/>
  <p:tag name="GENSWF_SLIDE_UID" val="{5B42B1AC-2043-428D-9056-224CA732D218}:270"/>
</p:tagLst>
</file>

<file path=ppt/tags/tag22.xml><?xml version="1.0" encoding="utf-8"?>
<p:tagLst xmlns:a="http://schemas.openxmlformats.org/drawingml/2006/main" xmlns:r="http://schemas.openxmlformats.org/officeDocument/2006/relationships" xmlns:p="http://schemas.openxmlformats.org/presentationml/2006/main">
  <p:tag name="ISPRING_SLIDE_ID_2" val="{290A224C-9F39-4776-920F-92380EEF25AA}"/>
  <p:tag name="GENSWF_ADVANCE_TIME" val="18.617"/>
  <p:tag name="ISPRING_CUSTOM_TIMING_USED" val="1"/>
  <p:tag name="GENSWF_SLIDE_UID" val="{2C52BAA5-FFCB-4158-88AB-F4A3437F215F}:265"/>
</p:tagLst>
</file>

<file path=ppt/tags/tag23.xml><?xml version="1.0" encoding="utf-8"?>
<p:tagLst xmlns:a="http://schemas.openxmlformats.org/drawingml/2006/main" xmlns:r="http://schemas.openxmlformats.org/officeDocument/2006/relationships" xmlns:p="http://schemas.openxmlformats.org/presentationml/2006/main">
  <p:tag name="ISPRING_SLIDE_ID_2" val="{3D2EC7DF-0F7E-4598-85C2-855FB2F95B8F}"/>
  <p:tag name="GENSWF_ADVANCE_TIME" val="23.982"/>
  <p:tag name="TIMING" val="|7.359|2.62"/>
  <p:tag name="ISPRING_CUSTOM_TIMING_USED" val="1"/>
  <p:tag name="GENSWF_SLIDE_UID" val="{74D440F8-3174-4258-96B2-6A60402805F8}:285"/>
</p:tagLst>
</file>

<file path=ppt/tags/tag24.xml><?xml version="1.0" encoding="utf-8"?>
<p:tagLst xmlns:a="http://schemas.openxmlformats.org/drawingml/2006/main" xmlns:r="http://schemas.openxmlformats.org/officeDocument/2006/relationships" xmlns:p="http://schemas.openxmlformats.org/presentationml/2006/main">
  <p:tag name="ISPRING_SLIDE_ID_2" val="{08C6BE98-C873-4D03-89E4-E183AC913EE4}"/>
  <p:tag name="GENSWF_ADVANCE_TIME" val="35.082"/>
  <p:tag name="TIMING" val="|6.491|18.793"/>
  <p:tag name="ISPRING_CUSTOM_TIMING_USED" val="1"/>
  <p:tag name="GENSWF_SLIDE_UID" val="{CF48E53C-7018-46C3-B4EA-6764DB4C6C75}:267"/>
</p:tagLst>
</file>

<file path=ppt/tags/tag25.xml><?xml version="1.0" encoding="utf-8"?>
<p:tagLst xmlns:a="http://schemas.openxmlformats.org/drawingml/2006/main" xmlns:r="http://schemas.openxmlformats.org/officeDocument/2006/relationships" xmlns:p="http://schemas.openxmlformats.org/presentationml/2006/main">
  <p:tag name="ISPRING_SLIDE_ID_2" val="{DBDEBD21-3C72-4059-A6BC-FDBE17D1E325}"/>
  <p:tag name="GENSWF_ADVANCE_TIME" val="10.798"/>
  <p:tag name="ISPRING_CUSTOM_TIMING_USED" val="1"/>
  <p:tag name="GENSWF_SLIDE_UID" val="{7C6BE278-94D0-4F89-889A-CB8D2F6C0B38}:297"/>
</p:tagLst>
</file>

<file path=ppt/tags/tag26.xml><?xml version="1.0" encoding="utf-8"?>
<p:tagLst xmlns:a="http://schemas.openxmlformats.org/drawingml/2006/main" xmlns:r="http://schemas.openxmlformats.org/officeDocument/2006/relationships" xmlns:p="http://schemas.openxmlformats.org/presentationml/2006/main">
  <p:tag name="ISPRING_SLIDE_ID_2" val="{8C539CDE-88C2-473B-864B-9E67B21633AE}"/>
  <p:tag name="GENSWF_ADVANCE_TIME" val="31.123"/>
  <p:tag name="TIMING" val="|6.605|15.908"/>
  <p:tag name="ISPRING_CUSTOM_TIMING_USED" val="1"/>
  <p:tag name="GENSWF_SLIDE_UID" val="{32D653F1-5F3E-457C-A637-A0D4456AAE1C}:373"/>
</p:tagLst>
</file>

<file path=ppt/tags/tag27.xml><?xml version="1.0" encoding="utf-8"?>
<p:tagLst xmlns:a="http://schemas.openxmlformats.org/drawingml/2006/main" xmlns:r="http://schemas.openxmlformats.org/officeDocument/2006/relationships" xmlns:p="http://schemas.openxmlformats.org/presentationml/2006/main">
  <p:tag name="ISPRING_SLIDE_ID_2" val="{882254F0-1BE4-42FA-B3B8-23582CE9B4DE}"/>
  <p:tag name="GENSWF_ADVANCE_TIME" val="31.879"/>
  <p:tag name="TIMING" val="|6.452|11.164"/>
  <p:tag name="ISPRING_CUSTOM_TIMING_USED" val="1"/>
  <p:tag name="GENSWF_SLIDE_UID" val="{087BC13C-BF87-45F2-AFA9-1004B99EA166}:374"/>
</p:tagLst>
</file>

<file path=ppt/tags/tag28.xml><?xml version="1.0" encoding="utf-8"?>
<p:tagLst xmlns:a="http://schemas.openxmlformats.org/drawingml/2006/main" xmlns:r="http://schemas.openxmlformats.org/officeDocument/2006/relationships" xmlns:p="http://schemas.openxmlformats.org/presentationml/2006/main">
  <p:tag name="ISPRING_SLIDE_ID_2" val="{73D1C1AB-76CC-4975-9B37-FC9B05C9C8B7}"/>
  <p:tag name="GENSWF_ADVANCE_TIME" val="34.436"/>
  <p:tag name="TIMING" val="|6.19|11.094"/>
  <p:tag name="ISPRING_CUSTOM_TIMING_USED" val="1"/>
  <p:tag name="GENSWF_SLIDE_UID" val="{164340B0-3493-45CB-BE61-654A6FFEEDF0}:380"/>
</p:tagLst>
</file>

<file path=ppt/tags/tag29.xml><?xml version="1.0" encoding="utf-8"?>
<p:tagLst xmlns:a="http://schemas.openxmlformats.org/drawingml/2006/main" xmlns:r="http://schemas.openxmlformats.org/officeDocument/2006/relationships" xmlns:p="http://schemas.openxmlformats.org/presentationml/2006/main">
  <p:tag name="ISPRING_SLIDE_ID_2" val="{1EA3DF8B-856B-4443-8B00-D6625468201C}"/>
  <p:tag name="GENSWF_ADVANCE_TIME" val="25.172"/>
  <p:tag name="TIMING" val="|5.826|9.309"/>
  <p:tag name="ISPRING_CUSTOM_TIMING_USED" val="1"/>
  <p:tag name="GENSWF_SLIDE_UID" val="{04484EDE-31EF-4417-808A-E4456537DC24}:376"/>
</p:tagLst>
</file>

<file path=ppt/tags/tag3.xml><?xml version="1.0" encoding="utf-8"?>
<p:tagLst xmlns:a="http://schemas.openxmlformats.org/drawingml/2006/main" xmlns:r="http://schemas.openxmlformats.org/officeDocument/2006/relationships" xmlns:p="http://schemas.openxmlformats.org/presentationml/2006/main">
  <p:tag name="ISPRING_SLIDE_ID_2" val="{B402BA1F-DF33-4A9B-8292-8ADD3B60EAD3}"/>
  <p:tag name="GENSWF_ADVANCE_TIME" val="18.014"/>
  <p:tag name="TIMING" val="|7.052"/>
  <p:tag name="ISPRING_CUSTOM_TIMING_USED" val="1"/>
  <p:tag name="GENSWF_SLIDE_UID" val="{3D9753AF-5B8E-46DC-9399-03ED5B49E9C9}:257"/>
</p:tagLst>
</file>

<file path=ppt/tags/tag30.xml><?xml version="1.0" encoding="utf-8"?>
<p:tagLst xmlns:a="http://schemas.openxmlformats.org/drawingml/2006/main" xmlns:r="http://schemas.openxmlformats.org/officeDocument/2006/relationships" xmlns:p="http://schemas.openxmlformats.org/presentationml/2006/main">
  <p:tag name="ISPRING_SLIDE_ID_2" val="{97658DA3-A6CD-4994-8765-88B18F53A96E}"/>
  <p:tag name="GENSWF_ADVANCE_TIME" val="44.319"/>
  <p:tag name="TIMING" val="|4.562|29.813"/>
  <p:tag name="ISPRING_CUSTOM_TIMING_USED" val="1"/>
  <p:tag name="GENSWF_SLIDE_UID" val="{DDA5DB76-4CCA-4F8B-A965-153F5362ECCF}:377"/>
</p:tagLst>
</file>

<file path=ppt/tags/tag31.xml><?xml version="1.0" encoding="utf-8"?>
<p:tagLst xmlns:a="http://schemas.openxmlformats.org/drawingml/2006/main" xmlns:r="http://schemas.openxmlformats.org/officeDocument/2006/relationships" xmlns:p="http://schemas.openxmlformats.org/presentationml/2006/main">
  <p:tag name="ISPRING_SLIDE_ID_2" val="{3A96C24D-BEFA-451E-A95A-FE86B3F8F6D7}"/>
  <p:tag name="GENSWF_ADVANCE_TIME" val="57.492"/>
  <p:tag name="TIMING" val="|17.125|2.122|4.647|7.063|9.878|6.575|5.718"/>
  <p:tag name="ISPRING_CUSTOM_TIMING_USED" val="1"/>
  <p:tag name="GENSWF_SLIDE_UID" val="{0009FDE2-CD68-488D-84D5-741E97D5E744}:271"/>
</p:tagLst>
</file>

<file path=ppt/tags/tag32.xml><?xml version="1.0" encoding="utf-8"?>
<p:tagLst xmlns:a="http://schemas.openxmlformats.org/drawingml/2006/main" xmlns:r="http://schemas.openxmlformats.org/officeDocument/2006/relationships" xmlns:p="http://schemas.openxmlformats.org/presentationml/2006/main">
  <p:tag name="ISPRING_SLIDE_ID_2" val="{587CF8F8-6F2A-4292-99F2-8CD3D8B03FD4}"/>
  <p:tag name="GENSWF_ADVANCE_TIME" val="42.657"/>
  <p:tag name="TIMING" val="|3.393"/>
  <p:tag name="ISPRING_CUSTOM_TIMING_USED" val="1"/>
  <p:tag name="GENSWF_SLIDE_UID" val="{9D98A513-E81F-42AD-B3A9-A915DC26DBEF}:385"/>
</p:tagLst>
</file>

<file path=ppt/tags/tag33.xml><?xml version="1.0" encoding="utf-8"?>
<p:tagLst xmlns:a="http://schemas.openxmlformats.org/drawingml/2006/main" xmlns:r="http://schemas.openxmlformats.org/officeDocument/2006/relationships" xmlns:p="http://schemas.openxmlformats.org/presentationml/2006/main">
  <p:tag name="ISPRING_SLIDE_ID_2" val="{EAFBF25D-C4B7-432A-B0ED-4F434CF4111C}"/>
  <p:tag name="GENSWF_ADVANCE_TIME" val="20.340"/>
  <p:tag name="TIMING" val="|5.654"/>
  <p:tag name="ISPRING_CUSTOM_TIMING_USED" val="1"/>
  <p:tag name="GENSWF_SLIDE_UID" val="{DF0CD0C0-E530-4041-91A7-9D656A27677B}:269"/>
</p:tagLst>
</file>

<file path=ppt/tags/tag34.xml><?xml version="1.0" encoding="utf-8"?>
<p:tagLst xmlns:a="http://schemas.openxmlformats.org/drawingml/2006/main" xmlns:r="http://schemas.openxmlformats.org/officeDocument/2006/relationships" xmlns:p="http://schemas.openxmlformats.org/presentationml/2006/main">
  <p:tag name="ISPRING_SLIDE_ID_2" val="{97F7D75D-4968-4FE6-9051-78665A08FC84}"/>
  <p:tag name="GENSWF_ADVANCE_TIME" val="9.240"/>
  <p:tag name="TIMING" val="|1.65"/>
  <p:tag name="ISPRING_CUSTOM_TIMING_USED" val="1"/>
  <p:tag name="GENSWF_SLIDE_UID" val="{DBF5DC10-CFE5-4634-AB1A-BB0C2784D1AA}:386"/>
</p:tagLst>
</file>

<file path=ppt/tags/tag4.xml><?xml version="1.0" encoding="utf-8"?>
<p:tagLst xmlns:a="http://schemas.openxmlformats.org/drawingml/2006/main" xmlns:r="http://schemas.openxmlformats.org/officeDocument/2006/relationships" xmlns:p="http://schemas.openxmlformats.org/presentationml/2006/main">
  <p:tag name="ISPRING_SLIDE_ID_2" val="{3D00D50C-AAA5-4AA1-8986-C9F3AC431FE8}"/>
  <p:tag name="GENSWF_ADVANCE_TIME" val="12.854"/>
  <p:tag name="TIMING" val="|3.386"/>
  <p:tag name="ISPRING_CUSTOM_TIMING_USED" val="1"/>
  <p:tag name="GENSWF_SLIDE_UID" val="{0DE94EF4-2C6D-49EE-98EE-64CD6D31BA41}:259"/>
</p:tagLst>
</file>

<file path=ppt/tags/tag5.xml><?xml version="1.0" encoding="utf-8"?>
<p:tagLst xmlns:a="http://schemas.openxmlformats.org/drawingml/2006/main" xmlns:r="http://schemas.openxmlformats.org/officeDocument/2006/relationships" xmlns:p="http://schemas.openxmlformats.org/presentationml/2006/main">
  <p:tag name="ISPRING_SLIDE_ID_2" val="{5E468B1B-4DE8-4285-9611-254A90A00A48}"/>
  <p:tag name="GENSWF_ADVANCE_TIME" val="36.453"/>
  <p:tag name="TIMING" val="|3.153|6.436|6.118|8.589"/>
  <p:tag name="ISPRING_CUSTOM_TIMING_USED" val="1"/>
  <p:tag name="GENSWF_SLIDE_UID" val="{0D0FBC65-C46F-4783-B5E1-7344617A5B24}:258"/>
</p:tagLst>
</file>

<file path=ppt/tags/tag6.xml><?xml version="1.0" encoding="utf-8"?>
<p:tagLst xmlns:a="http://schemas.openxmlformats.org/drawingml/2006/main" xmlns:r="http://schemas.openxmlformats.org/officeDocument/2006/relationships" xmlns:p="http://schemas.openxmlformats.org/presentationml/2006/main">
  <p:tag name="ISPRING_SLIDE_ID_2" val="{507907E7-E289-462D-B9D3-FA9BEBEF347F}"/>
  <p:tag name="GENSWF_ADVANCE_TIME" val="7.830"/>
  <p:tag name="ISPRING_CUSTOM_TIMING_USED" val="1"/>
  <p:tag name="GENSWF_SLIDE_UID" val="{C2FAF946-6219-4953-A112-AFF6EA75F10C}:260"/>
</p:tagLst>
</file>

<file path=ppt/tags/tag7.xml><?xml version="1.0" encoding="utf-8"?>
<p:tagLst xmlns:a="http://schemas.openxmlformats.org/drawingml/2006/main" xmlns:r="http://schemas.openxmlformats.org/officeDocument/2006/relationships" xmlns:p="http://schemas.openxmlformats.org/presentationml/2006/main">
  <p:tag name="ISPRING_SLIDE_ID_2" val="{A2CB3411-A2A6-424A-A824-5750014F556C}"/>
  <p:tag name="GENSWF_ADVANCE_TIME" val="33.789"/>
  <p:tag name="TIMING" val="|7.497|5.184"/>
  <p:tag name="ISPRING_CUSTOM_TIMING_USED" val="1"/>
  <p:tag name="GENSWF_SLIDE_UID" val="{95233C49-04E9-48F5-84C7-73A909438A0A}:261"/>
</p:tagLst>
</file>

<file path=ppt/tags/tag8.xml><?xml version="1.0" encoding="utf-8"?>
<p:tagLst xmlns:a="http://schemas.openxmlformats.org/drawingml/2006/main" xmlns:r="http://schemas.openxmlformats.org/officeDocument/2006/relationships" xmlns:p="http://schemas.openxmlformats.org/presentationml/2006/main">
  <p:tag name="ISPRING_SLIDE_ID_2" val="{32D96497-42DF-4398-9942-C8E7C830327A}"/>
  <p:tag name="GENSWF_ADVANCE_TIME" val="91.981"/>
  <p:tag name="TIMING" val="|3.012"/>
  <p:tag name="ISPRING_CUSTOM_TIMING_USED" val="1"/>
  <p:tag name="GENSWF_SLIDE_UID" val="{7DDEB3DE-F9EA-40C0-A2AD-4645477CEBEF}:262"/>
</p:tagLst>
</file>

<file path=ppt/tags/tag9.xml><?xml version="1.0" encoding="utf-8"?>
<p:tagLst xmlns:a="http://schemas.openxmlformats.org/drawingml/2006/main" xmlns:r="http://schemas.openxmlformats.org/officeDocument/2006/relationships" xmlns:p="http://schemas.openxmlformats.org/presentationml/2006/main">
  <p:tag name="ISPRING_SLIDE_ID_2" val="{0AF63577-BE15-425E-8B72-CBF8B38F8229}"/>
  <p:tag name="GENSWF_ADVANCE_TIME" val="49.234"/>
  <p:tag name="TIMING" val="|3.537|4.283|6.49|4.65|6.931|7.227|4.847"/>
  <p:tag name="ISPRING_CUSTOM_TIMING_USED" val="1"/>
  <p:tag name="GENSWF_SLIDE_UID" val="{06863438-542E-4F52-909A-C59BEF78D3C0}:278"/>
</p:tagLst>
</file>

<file path=ppt/theme/theme1.xml><?xml version="1.0" encoding="utf-8"?>
<a:theme xmlns:a="http://schemas.openxmlformats.org/drawingml/2006/main" name="Industrial Machines Pitch Deck by Slidesgo">
  <a:themeElements>
    <a:clrScheme name="Simple Light">
      <a:dk1>
        <a:srgbClr val="16263C"/>
      </a:dk1>
      <a:lt1>
        <a:srgbClr val="D1DEF0"/>
      </a:lt1>
      <a:dk2>
        <a:srgbClr val="945824"/>
      </a:dk2>
      <a:lt2>
        <a:srgbClr val="C37D32"/>
      </a:lt2>
      <a:accent1>
        <a:srgbClr val="EFA857"/>
      </a:accent1>
      <a:accent2>
        <a:srgbClr val="464849"/>
      </a:accent2>
      <a:accent3>
        <a:srgbClr val="7A7A7A"/>
      </a:accent3>
      <a:accent4>
        <a:srgbClr val="CCCCCC"/>
      </a:accent4>
      <a:accent5>
        <a:srgbClr val="4676BE"/>
      </a:accent5>
      <a:accent6>
        <a:srgbClr val="FFFFFF"/>
      </a:accent6>
      <a:hlink>
        <a:srgbClr val="16263C"/>
      </a:hlink>
      <a:folHlink>
        <a:srgbClr val="0097A7"/>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319</TotalTime>
  <Words>1565</Words>
  <Application>Microsoft Office PowerPoint</Application>
  <PresentationFormat>On-screen Show (16:9)</PresentationFormat>
  <Paragraphs>123</Paragraphs>
  <Slides>33</Slides>
  <Notes>33</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33</vt:i4>
      </vt:variant>
    </vt:vector>
  </HeadingPairs>
  <TitlesOfParts>
    <vt:vector size="40" baseType="lpstr">
      <vt:lpstr>Arial</vt:lpstr>
      <vt:lpstr>Montserrat Medium</vt:lpstr>
      <vt:lpstr>Anaheim</vt:lpstr>
      <vt:lpstr>PT Sans</vt:lpstr>
      <vt:lpstr>Work Sans Black</vt:lpstr>
      <vt:lpstr>Nunito Light</vt:lpstr>
      <vt:lpstr>Industrial Machines Pitch Deck by Slidesgo</vt:lpstr>
      <vt:lpstr>CHÀO MỪNG  CÁC EM ĐẾN VỚI BÀI HỌC HÔM NAY!</vt:lpstr>
      <vt:lpstr>KHỞI ĐỘNG</vt:lpstr>
      <vt:lpstr>GIÁO DỤC KĨ THUẬT CÔNG NGHỆ TRONG HỆ THỐNG GIÁO DỤC QUỐC DÂN</vt:lpstr>
      <vt:lpstr>NỘI DUNG BÀI HỌC</vt:lpstr>
      <vt:lpstr>CƠ CẤU HỆ THỐNG GIÁO DỤC VIỆT NAM</vt:lpstr>
      <vt:lpstr>Quan sát thông tin SGK.12 và thực hiện yêu cầu</vt:lpstr>
      <vt:lpstr>PowerPoint Presentation</vt:lpstr>
      <vt:lpstr>PowerPoint Presentation</vt:lpstr>
      <vt:lpstr>PHÂN LUỒNG TRONG HỆ THỐNG GIÁO DỤC</vt:lpstr>
      <vt:lpstr>PowerPoint Presentation</vt:lpstr>
      <vt:lpstr>Phân luồng trong hệ thống giáo dục</vt:lpstr>
      <vt:lpstr>Phân luồng trong hệ thống giáo dục</vt:lpstr>
      <vt:lpstr>Những thời điểm phân luồng trong hệ thống giáo dục</vt:lpstr>
      <vt:lpstr>PowerPoint Presentation</vt:lpstr>
      <vt:lpstr>Sau khi tốt nghiệp trung học phổ thông, học sinh có thể theo học những trình độ đào tạo sau</vt:lpstr>
      <vt:lpstr>CƠ HỘI LỰA CHỌN NGHỀ NGHIỆP TRONG LĨNH VỰC KĨ THUẬT, CÔNG NGHỆ TRONG  HỆ THỐNG GIÁO DỤC</vt:lpstr>
      <vt:lpstr>Quan sát thông tin SGK.13 và thực hiện yêu cầu</vt:lpstr>
      <vt:lpstr>Lựa chọn nghề nghiệp thuộc lĩnh vực khoa học kĩ thuật ở các thời điểm phân luồng của hệ thống giáo dục</vt:lpstr>
      <vt:lpstr>Quan sát thông tin SGK.13 và thực hiện yêu cầu</vt:lpstr>
      <vt:lpstr>Gợi ý trả lời</vt:lpstr>
      <vt:lpstr>NHỮNG HƯỚNG ĐI LIÊN QUAN TỚI NGHỀ NGHIỆP TRONG LĨNH VỰC KĨ THUẬT, CÔNG NGHỆ SAU KHI TỐT NGHIỆP TRUNG HỌC CƠ SỞ</vt:lpstr>
      <vt:lpstr>PowerPoint Presentation</vt:lpstr>
      <vt:lpstr>Lựa chọn hướng đi sau THPT</vt:lpstr>
      <vt:lpstr>PowerPoint Presentation</vt:lpstr>
      <vt:lpstr>PowerPoint Presentation</vt:lpstr>
      <vt:lpstr>PowerPoint Presentation</vt:lpstr>
      <vt:lpstr>PowerPoint Presentation</vt:lpstr>
      <vt:lpstr>PowerPoint Presentation</vt:lpstr>
      <vt:lpstr>PowerPoint Presentation</vt:lpstr>
      <vt:lpstr>TỔNG KẾT BÀI HỌC</vt:lpstr>
      <vt:lpstr>PowerPoint Presentation</vt:lpstr>
      <vt:lpstr>HƯỚNG DẪN VỀ NHÀ</vt:lpstr>
      <vt:lpstr>CẢM ƠN CÁC EM ĐÃ LẮNG NGHE  BÀI HỌC HÔM NAY!</vt:lpstr>
    </vt:vector>
  </TitlesOfParts>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Bai 2. Giao duc ki thuat cong nghe trong he thong giao duc quoc dan</dc:title>
  <cp:lastModifiedBy>Microsoft account</cp:lastModifiedBy>
  <cp:revision>18</cp:revision>
  <dcterms:modified xsi:type="dcterms:W3CDTF">2025-01-04T15:21:29Z</dcterms:modified>
</cp:coreProperties>
</file>